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報\（R4）\"/>
    </mc:Choice>
  </mc:AlternateContent>
  <bookViews>
    <workbookView xWindow="0" yWindow="0" windowWidth="28800" windowHeight="11730" tabRatio="717"/>
  </bookViews>
  <sheets>
    <sheet name="第1表" sheetId="1" r:id="rId1"/>
    <sheet name="第2表" sheetId="2" r:id="rId2"/>
    <sheet name="第3表" sheetId="3" r:id="rId3"/>
    <sheet name="第4表" sheetId="4" r:id="rId4"/>
    <sheet name="第5表" sheetId="5" r:id="rId5"/>
    <sheet name="第6表" sheetId="6" r:id="rId6"/>
    <sheet name="第7表" sheetId="7" r:id="rId7"/>
    <sheet name="第8-1表" sheetId="8" r:id="rId8"/>
    <sheet name="第8-2表" sheetId="9" r:id="rId9"/>
    <sheet name="第8-3表" sheetId="10" r:id="rId10"/>
    <sheet name="第8-4表" sheetId="11" r:id="rId11"/>
    <sheet name="第8-5表" sheetId="12" r:id="rId12"/>
    <sheet name="第8-6表" sheetId="13" r:id="rId13"/>
    <sheet name="第9表" sheetId="14" r:id="rId14"/>
    <sheet name="第10表" sheetId="15" r:id="rId15"/>
    <sheet name="参考1" sheetId="16" r:id="rId16"/>
    <sheet name="参考2" sheetId="17" r:id="rId17"/>
  </sheets>
  <externalReferences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</externalReferences>
  <definedNames>
    <definedName name="_Key1" localSheetId="15" hidden="1">#REF!</definedName>
    <definedName name="_Key1" localSheetId="16" hidden="1">#REF!</definedName>
    <definedName name="_Key1" localSheetId="14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localSheetId="8" hidden="1">#REF!</definedName>
    <definedName name="_Key1" localSheetId="9" hidden="1">#REF!</definedName>
    <definedName name="_Key1" localSheetId="1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hidden="1">#REF!</definedName>
    <definedName name="_Order1" hidden="1">255</definedName>
    <definedName name="_Sort" localSheetId="15" hidden="1">#REF!</definedName>
    <definedName name="_Sort" localSheetId="16" hidden="1">#REF!</definedName>
    <definedName name="_Sort" localSheetId="14" hidden="1">#REF!</definedName>
    <definedName name="_Sort" localSheetId="0" hidden="1">#REF!</definedName>
    <definedName name="_Sort" localSheetId="1" hidden="1">#REF!</definedName>
    <definedName name="_Sort" localSheetId="2" hidden="1">#REF!</definedName>
    <definedName name="_Sort" localSheetId="3" hidden="1">#REF!</definedName>
    <definedName name="_Sort" localSheetId="4" hidden="1">#REF!</definedName>
    <definedName name="_Sort" localSheetId="5" hidden="1">#REF!</definedName>
    <definedName name="_Sort" localSheetId="6" hidden="1">#REF!</definedName>
    <definedName name="_Sort" localSheetId="7" hidden="1">#REF!</definedName>
    <definedName name="_Sort" localSheetId="8" hidden="1">#REF!</definedName>
    <definedName name="_Sort" localSheetId="9" hidden="1">#REF!</definedName>
    <definedName name="_Sort" localSheetId="1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hidden="1">#REF!</definedName>
    <definedName name="_xlnm.Print_Area" localSheetId="15">参考1!$A$1:$K$85</definedName>
    <definedName name="_xlnm.Print_Area" localSheetId="14">第10表!$A$1:$K$29</definedName>
    <definedName name="_xlnm.Print_Area" localSheetId="0">第1表!$A$1:$L$87</definedName>
    <definedName name="_xlnm.Print_Area" localSheetId="1">第2表!$A$1:$L$87</definedName>
    <definedName name="_xlnm.Print_Area" localSheetId="2">第3表!$A$1:$K$62</definedName>
    <definedName name="_xlnm.Print_Area" localSheetId="3">第4表!$A$1:$J$19</definedName>
    <definedName name="_xlnm.Print_Area" localSheetId="4">第5表!$A$1:$R$83</definedName>
    <definedName name="_xlnm.Print_Area" localSheetId="6">第7表!$A$1:$K$85</definedName>
    <definedName name="月報">"グラフ 1"</definedName>
    <definedName name="第１表2011年10月分" localSheetId="15">#REF!</definedName>
    <definedName name="第１表2011年10月分" localSheetId="16">#REF!</definedName>
    <definedName name="第１表2011年10月分">#REF!</definedName>
    <definedName name="第１表2011年11月分" localSheetId="15">#REF!</definedName>
    <definedName name="第１表2011年11月分" localSheetId="16">#REF!</definedName>
    <definedName name="第１表2011年11月分">#REF!</definedName>
    <definedName name="第１表2011年１月分" localSheetId="15">#REF!</definedName>
    <definedName name="第１表2011年１月分" localSheetId="16">#REF!</definedName>
    <definedName name="第１表2011年１月分">#REF!</definedName>
    <definedName name="第１表2011年２月分" localSheetId="15">#REF!</definedName>
    <definedName name="第１表2011年２月分" localSheetId="16">#REF!</definedName>
    <definedName name="第１表2011年２月分">#REF!</definedName>
    <definedName name="第１表2011年３月分" localSheetId="15">#REF!</definedName>
    <definedName name="第１表2011年３月分" localSheetId="16">#REF!</definedName>
    <definedName name="第１表2011年３月分">#REF!</definedName>
    <definedName name="第１表2011年４月分" localSheetId="15">#REF!</definedName>
    <definedName name="第１表2011年４月分" localSheetId="16">#REF!</definedName>
    <definedName name="第１表2011年４月分">#REF!</definedName>
    <definedName name="第１表2011年５月分" localSheetId="15">#REF!</definedName>
    <definedName name="第１表2011年５月分" localSheetId="16">#REF!</definedName>
    <definedName name="第１表2011年５月分">#REF!</definedName>
    <definedName name="第１表2011年６月分" localSheetId="15">#REF!</definedName>
    <definedName name="第１表2011年６月分" localSheetId="16">#REF!</definedName>
    <definedName name="第１表2011年６月分">#REF!</definedName>
    <definedName name="第１表2011年７月分" localSheetId="15">#REF!</definedName>
    <definedName name="第１表2011年７月分" localSheetId="16">#REF!</definedName>
    <definedName name="第１表2011年７月分">#REF!</definedName>
    <definedName name="第１表2011年８月分" localSheetId="15">#REF!</definedName>
    <definedName name="第１表2011年８月分" localSheetId="16">#REF!</definedName>
    <definedName name="第１表2011年８月分">#REF!</definedName>
    <definedName name="第１表2011年９月分" localSheetId="15">#REF!</definedName>
    <definedName name="第１表2011年９月分" localSheetId="16">#REF!</definedName>
    <definedName name="第１表2011年９月分">#REF!</definedName>
    <definedName name="第５表の１2011年10月分" localSheetId="15">#REF!</definedName>
    <definedName name="第５表の１2011年10月分" localSheetId="16">#REF!</definedName>
    <definedName name="第５表の１2011年10月分">#REF!</definedName>
    <definedName name="第５表の１2011年11月分" localSheetId="15">#REF!</definedName>
    <definedName name="第５表の１2011年11月分" localSheetId="16">#REF!</definedName>
    <definedName name="第５表の１2011年11月分">#REF!</definedName>
    <definedName name="第５表の１2011年12月分" localSheetId="15">#REF!</definedName>
    <definedName name="第５表の１2011年12月分" localSheetId="16">#REF!</definedName>
    <definedName name="第５表の１2011年12月分">#REF!</definedName>
    <definedName name="第５表の１2011年１月分" localSheetId="15">#REF!</definedName>
    <definedName name="第５表の１2011年１月分" localSheetId="16">#REF!</definedName>
    <definedName name="第５表の１2011年１月分">#REF!</definedName>
    <definedName name="第５表の１2011年２月分" localSheetId="15">#REF!</definedName>
    <definedName name="第５表の１2011年２月分" localSheetId="16">#REF!</definedName>
    <definedName name="第５表の１2011年２月分">#REF!</definedName>
    <definedName name="第５表の１2011年３月分" localSheetId="15">#REF!</definedName>
    <definedName name="第５表の１2011年３月分" localSheetId="16">#REF!</definedName>
    <definedName name="第５表の１2011年３月分">#REF!</definedName>
    <definedName name="第５表の１2011年４月分" localSheetId="15">#REF!</definedName>
    <definedName name="第５表の１2011年４月分" localSheetId="16">#REF!</definedName>
    <definedName name="第５表の１2011年４月分">#REF!</definedName>
    <definedName name="第５表の１2011年５月分" localSheetId="15">#REF!</definedName>
    <definedName name="第５表の１2011年５月分" localSheetId="16">#REF!</definedName>
    <definedName name="第５表の１2011年５月分">#REF!</definedName>
    <definedName name="第５表の１2011年６月分" localSheetId="15">#REF!</definedName>
    <definedName name="第５表の１2011年６月分" localSheetId="16">#REF!</definedName>
    <definedName name="第５表の１2011年６月分">#REF!</definedName>
    <definedName name="第５表の１2011年７月分" localSheetId="15">#REF!</definedName>
    <definedName name="第５表の１2011年７月分" localSheetId="16">#REF!</definedName>
    <definedName name="第５表の１2011年７月分">#REF!</definedName>
    <definedName name="第５表の１2011年８月分" localSheetId="15">#REF!</definedName>
    <definedName name="第５表の１2011年８月分" localSheetId="16">#REF!</definedName>
    <definedName name="第５表の１2011年８月分">#REF!</definedName>
    <definedName name="第５表の１2011年９月分" localSheetId="15">#REF!</definedName>
    <definedName name="第５表の１2011年９月分" localSheetId="16">#REF!</definedName>
    <definedName name="第５表の１2011年９月分">#REF!</definedName>
    <definedName name="第５表の２2011年10月分" localSheetId="15">#REF!</definedName>
    <definedName name="第５表の２2011年10月分" localSheetId="16">#REF!</definedName>
    <definedName name="第５表の２2011年10月分">#REF!</definedName>
    <definedName name="第５表の２2011年11月分" localSheetId="15">#REF!</definedName>
    <definedName name="第５表の２2011年11月分" localSheetId="16">#REF!</definedName>
    <definedName name="第５表の２2011年11月分">#REF!</definedName>
    <definedName name="第５表の２2011年12月分" localSheetId="15">#REF!</definedName>
    <definedName name="第５表の２2011年12月分" localSheetId="16">#REF!</definedName>
    <definedName name="第５表の２2011年12月分">#REF!</definedName>
    <definedName name="第５表の２2011年１月分" localSheetId="15">#REF!</definedName>
    <definedName name="第５表の２2011年１月分" localSheetId="16">#REF!</definedName>
    <definedName name="第５表の２2011年１月分">#REF!</definedName>
    <definedName name="第５表の２2011年２月分" localSheetId="15">#REF!</definedName>
    <definedName name="第５表の２2011年２月分" localSheetId="16">#REF!</definedName>
    <definedName name="第５表の２2011年２月分">#REF!</definedName>
    <definedName name="第５表の２2011年３月分" localSheetId="15">#REF!</definedName>
    <definedName name="第５表の２2011年３月分" localSheetId="16">#REF!</definedName>
    <definedName name="第５表の２2011年３月分">#REF!</definedName>
    <definedName name="第５表の２2011年４月分" localSheetId="15">#REF!</definedName>
    <definedName name="第５表の２2011年４月分" localSheetId="16">#REF!</definedName>
    <definedName name="第５表の２2011年４月分">#REF!</definedName>
    <definedName name="第５表の２2011年５月分" localSheetId="15">#REF!</definedName>
    <definedName name="第５表の２2011年５月分" localSheetId="16">#REF!</definedName>
    <definedName name="第５表の２2011年５月分">#REF!</definedName>
    <definedName name="第５表の２2011年６月分" localSheetId="15">#REF!</definedName>
    <definedName name="第５表の２2011年６月分" localSheetId="16">#REF!</definedName>
    <definedName name="第５表の２2011年６月分">#REF!</definedName>
    <definedName name="第５表の２2011年７月分" localSheetId="15">#REF!</definedName>
    <definedName name="第５表の２2011年７月分" localSheetId="16">#REF!</definedName>
    <definedName name="第５表の２2011年７月分">#REF!</definedName>
    <definedName name="第５表の２2011年８月分" localSheetId="15">#REF!</definedName>
    <definedName name="第５表の２2011年８月分" localSheetId="16">#REF!</definedName>
    <definedName name="第５表の２2011年８月分">#REF!</definedName>
    <definedName name="第５表の２2011年９月分" localSheetId="15">#REF!</definedName>
    <definedName name="第５表の２2011年９月分" localSheetId="16">#REF!</definedName>
    <definedName name="第５表の２2011年９月分">#REF!</definedName>
    <definedName name="平成23年１月" localSheetId="15">#REF!</definedName>
    <definedName name="平成23年１月" localSheetId="16">#REF!</definedName>
    <definedName name="平成23年１月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9" uniqueCount="231">
  <si>
    <t>年次別人口・人口増減及び世帯数</t>
    <rPh sb="0" eb="3">
      <t>ネンジベツ</t>
    </rPh>
    <rPh sb="3" eb="5">
      <t>ジンコウ</t>
    </rPh>
    <rPh sb="6" eb="8">
      <t>ジンコウ</t>
    </rPh>
    <rPh sb="8" eb="10">
      <t>ゾウゲン</t>
    </rPh>
    <rPh sb="10" eb="11">
      <t>オヨ</t>
    </rPh>
    <rPh sb="12" eb="15">
      <t>セタイスウ</t>
    </rPh>
    <phoneticPr fontId="2"/>
  </si>
  <si>
    <t>第１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年　　間
人口増減</t>
    <rPh sb="0" eb="1">
      <t>トシ</t>
    </rPh>
    <rPh sb="3" eb="4">
      <t>アイダ</t>
    </rPh>
    <rPh sb="5" eb="9">
      <t>ジンコウゾウゲン</t>
    </rPh>
    <phoneticPr fontId="2"/>
  </si>
  <si>
    <t>世帯数</t>
    <rPh sb="0" eb="3">
      <t>セタイスウ</t>
    </rPh>
    <phoneticPr fontId="2"/>
  </si>
  <si>
    <t>１世帯
当たり人員</t>
    <rPh sb="1" eb="3">
      <t>セタイ</t>
    </rPh>
    <rPh sb="4" eb="5">
      <t>ア</t>
    </rPh>
    <rPh sb="7" eb="8">
      <t>ニン</t>
    </rPh>
    <rPh sb="8" eb="9">
      <t>イ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増減率</t>
    <rPh sb="0" eb="3">
      <t>ゾウゲンリツ</t>
    </rPh>
    <phoneticPr fontId="2"/>
  </si>
  <si>
    <t>人</t>
    <rPh sb="0" eb="1">
      <t>ヒト</t>
    </rPh>
    <phoneticPr fontId="2"/>
  </si>
  <si>
    <t>％</t>
    <phoneticPr fontId="2"/>
  </si>
  <si>
    <t>世帯</t>
    <rPh sb="0" eb="2">
      <t>セタイ</t>
    </rPh>
    <phoneticPr fontId="2"/>
  </si>
  <si>
    <t>－</t>
  </si>
  <si>
    <t>33(1958)</t>
  </si>
  <si>
    <t>令和5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(注)人口・世帯数及び１世帯当たり人員は各年１月１日現在。他は年間の増減数。</t>
    <rPh sb="1" eb="2">
      <t>チュウ</t>
    </rPh>
    <rPh sb="3" eb="5">
      <t>ジンコウ</t>
    </rPh>
    <rPh sb="6" eb="9">
      <t>セタイスウ</t>
    </rPh>
    <rPh sb="9" eb="10">
      <t>オヨ</t>
    </rPh>
    <rPh sb="12" eb="15">
      <t>セタイア</t>
    </rPh>
    <rPh sb="17" eb="19">
      <t>ジンイン</t>
    </rPh>
    <rPh sb="20" eb="22">
      <t>カクネン</t>
    </rPh>
    <rPh sb="23" eb="24">
      <t>ツキ</t>
    </rPh>
    <rPh sb="25" eb="26">
      <t>ヒ</t>
    </rPh>
    <rPh sb="26" eb="28">
      <t>ゲンザイ</t>
    </rPh>
    <rPh sb="29" eb="30">
      <t>ホカ</t>
    </rPh>
    <rPh sb="31" eb="33">
      <t>ネンカン</t>
    </rPh>
    <rPh sb="34" eb="36">
      <t>ゾウゲン</t>
    </rPh>
    <rPh sb="36" eb="37">
      <t>スウ</t>
    </rPh>
    <phoneticPr fontId="2"/>
  </si>
  <si>
    <t>40(1965)</t>
  </si>
  <si>
    <t>35(1960)</t>
    <phoneticPr fontId="2"/>
  </si>
  <si>
    <t>年次別人口増減</t>
    <rPh sb="0" eb="3">
      <t>ネンジベツ</t>
    </rPh>
    <rPh sb="3" eb="7">
      <t>ジンコウゾウゲン</t>
    </rPh>
    <phoneticPr fontId="2"/>
  </si>
  <si>
    <t>第２表</t>
    <rPh sb="0" eb="1">
      <t>ダイ</t>
    </rPh>
    <rPh sb="2" eb="3">
      <t>ヒョウ</t>
    </rPh>
    <phoneticPr fontId="2"/>
  </si>
  <si>
    <t>出生率</t>
    <rPh sb="0" eb="3">
      <t>シュッセイリツ</t>
    </rPh>
    <phoneticPr fontId="2"/>
  </si>
  <si>
    <t>死亡率</t>
    <rPh sb="0" eb="3">
      <t>シボウリツ</t>
    </rPh>
    <phoneticPr fontId="2"/>
  </si>
  <si>
    <t>出生</t>
    <rPh sb="0" eb="2">
      <t>シュッセイ</t>
    </rPh>
    <phoneticPr fontId="2"/>
  </si>
  <si>
    <t>死亡</t>
    <rPh sb="0" eb="2">
      <t>シボウ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令和4年</t>
  </si>
  <si>
    <t>(注1)転入・転出には、県内市区町村間の移動を含む。</t>
    <rPh sb="1" eb="2">
      <t>チュウ</t>
    </rPh>
    <rPh sb="4" eb="6">
      <t>テンニュウ</t>
    </rPh>
    <rPh sb="7" eb="9">
      <t>テンシュツ</t>
    </rPh>
    <rPh sb="12" eb="19">
      <t>ケンナイシクチョウソンカン</t>
    </rPh>
    <rPh sb="20" eb="22">
      <t>イドウ</t>
    </rPh>
    <rPh sb="23" eb="24">
      <t>フク</t>
    </rPh>
    <phoneticPr fontId="2"/>
  </si>
  <si>
    <t>(注2)出生率：年央人口(７月１日現在の人口)1,000人当たりの年間出生数。</t>
    <rPh sb="1" eb="2">
      <t>チュウ</t>
    </rPh>
    <rPh sb="4" eb="7">
      <t>シュッセイ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3" eb="38">
      <t>ネンカンシュッセイスウ</t>
    </rPh>
    <phoneticPr fontId="2"/>
  </si>
  <si>
    <t>(注3)死亡率：年央人口(７月１日現在の人口)1,000人当たりの年間死亡数。</t>
    <rPh sb="1" eb="2">
      <t>チュウ</t>
    </rPh>
    <rPh sb="4" eb="7">
      <t>シボウ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3" eb="35">
      <t>ネンカン</t>
    </rPh>
    <rPh sb="35" eb="38">
      <t>シボウスウ</t>
    </rPh>
    <phoneticPr fontId="2"/>
  </si>
  <si>
    <t>年次別移動人口（社会増減）</t>
    <rPh sb="0" eb="3">
      <t>ネンジベツ</t>
    </rPh>
    <rPh sb="3" eb="5">
      <t>イドウ</t>
    </rPh>
    <rPh sb="5" eb="7">
      <t>ジンコウ</t>
    </rPh>
    <rPh sb="8" eb="10">
      <t>シャカイ</t>
    </rPh>
    <rPh sb="10" eb="12">
      <t>ゾウゲン</t>
    </rPh>
    <phoneticPr fontId="2"/>
  </si>
  <si>
    <t>第３表</t>
    <rPh sb="0" eb="1">
      <t>ダイ</t>
    </rPh>
    <rPh sb="2" eb="3">
      <t>ヒョウ</t>
    </rPh>
    <phoneticPr fontId="2"/>
  </si>
  <si>
    <t>転　　入</t>
    <rPh sb="0" eb="1">
      <t>テン</t>
    </rPh>
    <rPh sb="3" eb="4">
      <t>イ</t>
    </rPh>
    <phoneticPr fontId="2"/>
  </si>
  <si>
    <t>転　　出</t>
    <rPh sb="0" eb="1">
      <t>テン</t>
    </rPh>
    <rPh sb="3" eb="4">
      <t>デ</t>
    </rPh>
    <phoneticPr fontId="2"/>
  </si>
  <si>
    <t>総数</t>
    <rPh sb="0" eb="2">
      <t>ソウスウ</t>
    </rPh>
    <phoneticPr fontId="2"/>
  </si>
  <si>
    <t>県外</t>
    <rPh sb="0" eb="2">
      <t>ケンガイ</t>
    </rPh>
    <phoneticPr fontId="2"/>
  </si>
  <si>
    <t>県内</t>
    <rPh sb="0" eb="2">
      <t>ケンナイ</t>
    </rPh>
    <phoneticPr fontId="2"/>
  </si>
  <si>
    <t>その他</t>
    <rPh sb="2" eb="3">
      <t>タ</t>
    </rPh>
    <phoneticPr fontId="2"/>
  </si>
  <si>
    <t>(注)「その他」は、住民基本台帳法施行令の規定により、職権で住民票へ記載された者又は住民票から消除された者の数等。</t>
    <rPh sb="55" eb="56">
      <t>トウ</t>
    </rPh>
    <phoneticPr fontId="2"/>
  </si>
  <si>
    <t>月別人口増減</t>
    <rPh sb="0" eb="2">
      <t>ツキベツ</t>
    </rPh>
    <rPh sb="2" eb="4">
      <t>ジンコウ</t>
    </rPh>
    <rPh sb="4" eb="6">
      <t>ゾウゲン</t>
    </rPh>
    <phoneticPr fontId="2"/>
  </si>
  <si>
    <t>第４表</t>
    <rPh sb="0" eb="1">
      <t>ダイ</t>
    </rPh>
    <rPh sb="2" eb="3">
      <t>ヒョウ</t>
    </rPh>
    <phoneticPr fontId="2"/>
  </si>
  <si>
    <t>(令和4年中)</t>
  </si>
  <si>
    <t>月別</t>
    <rPh sb="0" eb="2">
      <t>ツキベツ</t>
    </rPh>
    <phoneticPr fontId="2"/>
  </si>
  <si>
    <t>人口増減</t>
    <rPh sb="0" eb="2">
      <t>ジンコウ</t>
    </rPh>
    <rPh sb="2" eb="4">
      <t>ゾウゲン</t>
    </rPh>
    <phoneticPr fontId="2"/>
  </si>
  <si>
    <t>計</t>
    <rPh sb="0" eb="1">
      <t>ケイ</t>
    </rPh>
    <phoneticPr fontId="2"/>
  </si>
  <si>
    <t>１月中</t>
    <rPh sb="1" eb="2">
      <t>ツキ</t>
    </rPh>
    <rPh sb="2" eb="3">
      <t>ナカ</t>
    </rPh>
    <phoneticPr fontId="2"/>
  </si>
  <si>
    <t>２月中</t>
    <rPh sb="1" eb="2">
      <t>ツキ</t>
    </rPh>
    <rPh sb="2" eb="3">
      <t>ナカ</t>
    </rPh>
    <phoneticPr fontId="2"/>
  </si>
  <si>
    <t>３月中</t>
    <rPh sb="1" eb="2">
      <t>ツキ</t>
    </rPh>
    <rPh sb="2" eb="3">
      <t>ナカ</t>
    </rPh>
    <phoneticPr fontId="2"/>
  </si>
  <si>
    <t>４月中</t>
    <rPh sb="1" eb="2">
      <t>ツキ</t>
    </rPh>
    <rPh sb="2" eb="3">
      <t>ナカ</t>
    </rPh>
    <phoneticPr fontId="2"/>
  </si>
  <si>
    <t>５月中</t>
    <rPh sb="1" eb="2">
      <t>ツキ</t>
    </rPh>
    <rPh sb="2" eb="3">
      <t>ナカ</t>
    </rPh>
    <phoneticPr fontId="2"/>
  </si>
  <si>
    <t>６月中</t>
    <rPh sb="1" eb="2">
      <t>ツキ</t>
    </rPh>
    <rPh sb="2" eb="3">
      <t>ナカ</t>
    </rPh>
    <phoneticPr fontId="2"/>
  </si>
  <si>
    <t>７月中</t>
    <rPh sb="1" eb="2">
      <t>ツキ</t>
    </rPh>
    <rPh sb="2" eb="3">
      <t>ナカ</t>
    </rPh>
    <phoneticPr fontId="2"/>
  </si>
  <si>
    <t>８月中</t>
    <rPh sb="1" eb="2">
      <t>ツキ</t>
    </rPh>
    <rPh sb="2" eb="3">
      <t>ナカ</t>
    </rPh>
    <phoneticPr fontId="2"/>
  </si>
  <si>
    <t>９月中</t>
    <rPh sb="1" eb="2">
      <t>ツキ</t>
    </rPh>
    <rPh sb="2" eb="3">
      <t>ナカ</t>
    </rPh>
    <phoneticPr fontId="2"/>
  </si>
  <si>
    <t>１０月中</t>
    <rPh sb="2" eb="3">
      <t>ツキ</t>
    </rPh>
    <rPh sb="3" eb="4">
      <t>ナカ</t>
    </rPh>
    <phoneticPr fontId="2"/>
  </si>
  <si>
    <t>１１月中</t>
    <rPh sb="2" eb="3">
      <t>ツキ</t>
    </rPh>
    <rPh sb="3" eb="4">
      <t>ナカ</t>
    </rPh>
    <phoneticPr fontId="2"/>
  </si>
  <si>
    <t>１２月中</t>
    <rPh sb="2" eb="3">
      <t>ツキ</t>
    </rPh>
    <rPh sb="3" eb="4">
      <t>ナカ</t>
    </rPh>
    <phoneticPr fontId="2"/>
  </si>
  <si>
    <t>(注)転入・転出には、県内市区町村間の移動を含む。</t>
    <phoneticPr fontId="2"/>
  </si>
  <si>
    <t>年次別月別人口</t>
    <rPh sb="0" eb="3">
      <t>ネンジベツ</t>
    </rPh>
    <rPh sb="3" eb="5">
      <t>ツキベツ</t>
    </rPh>
    <rPh sb="5" eb="7">
      <t>ジンコウ</t>
    </rPh>
    <phoneticPr fontId="2"/>
  </si>
  <si>
    <t>第５表</t>
    <rPh sb="0" eb="1">
      <t>ダイ</t>
    </rPh>
    <rPh sb="2" eb="3">
      <t>ヒョウ</t>
    </rPh>
    <phoneticPr fontId="2"/>
  </si>
  <si>
    <t>(単位：人)</t>
    <rPh sb="1" eb="3">
      <t>タンイ</t>
    </rPh>
    <rPh sb="4" eb="5">
      <t>ニン</t>
    </rPh>
    <phoneticPr fontId="2"/>
  </si>
  <si>
    <t>年月</t>
    <rPh sb="0" eb="2">
      <t>ネンゲツ</t>
    </rPh>
    <phoneticPr fontId="2"/>
  </si>
  <si>
    <t>１月</t>
    <rPh sb="1" eb="2">
      <t>ツキ</t>
    </rPh>
    <phoneticPr fontId="2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市区町村別人口増減及び増減率</t>
    <phoneticPr fontId="2"/>
  </si>
  <si>
    <t>第６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人口増減</t>
    <rPh sb="0" eb="4">
      <t>ジンコウゾウゲン</t>
    </rPh>
    <phoneticPr fontId="2"/>
  </si>
  <si>
    <t>対前年増減率</t>
    <rPh sb="0" eb="3">
      <t>タイゼンネン</t>
    </rPh>
    <rPh sb="3" eb="6">
      <t>ゾウゲンリツ</t>
    </rPh>
    <phoneticPr fontId="2"/>
  </si>
  <si>
    <t>自然増減</t>
    <rPh sb="0" eb="2">
      <t>シゼン</t>
    </rPh>
    <rPh sb="2" eb="4">
      <t>ゾウゲン</t>
    </rPh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(注)転入・転出には、県内市区町村間の移動を含む。</t>
    <rPh sb="1" eb="2">
      <t>チュウ</t>
    </rPh>
    <rPh sb="3" eb="5">
      <t>テンニュウ</t>
    </rPh>
    <rPh sb="6" eb="8">
      <t>テンシュツ</t>
    </rPh>
    <rPh sb="11" eb="18">
      <t>ケンナイシクチョウソンカン</t>
    </rPh>
    <rPh sb="19" eb="21">
      <t>イドウ</t>
    </rPh>
    <rPh sb="22" eb="23">
      <t>フク</t>
    </rPh>
    <phoneticPr fontId="2"/>
  </si>
  <si>
    <t>市区町村別移動人口</t>
    <rPh sb="5" eb="7">
      <t>イドウ</t>
    </rPh>
    <rPh sb="7" eb="9">
      <t>ジンコウ</t>
    </rPh>
    <phoneticPr fontId="2"/>
  </si>
  <si>
    <t>第７表</t>
    <rPh sb="0" eb="1">
      <t>ダイ</t>
    </rPh>
    <rPh sb="2" eb="3">
      <t>ヒョウ</t>
    </rPh>
    <phoneticPr fontId="2"/>
  </si>
  <si>
    <t>転　　入</t>
    <phoneticPr fontId="2"/>
  </si>
  <si>
    <t>転　　出</t>
    <phoneticPr fontId="2"/>
  </si>
  <si>
    <t>(注)「その他」は、住民基本台帳法施行令の規定により、職権で住民票へ記載された者又は住民票から消除された者の数。</t>
    <rPh sb="6" eb="7">
      <t>ホカ</t>
    </rPh>
    <rPh sb="10" eb="12">
      <t>ジュウミン</t>
    </rPh>
    <rPh sb="12" eb="14">
      <t>キホン</t>
    </rPh>
    <rPh sb="14" eb="16">
      <t>ダイチョウ</t>
    </rPh>
    <rPh sb="16" eb="17">
      <t>ホウ</t>
    </rPh>
    <rPh sb="17" eb="19">
      <t>セコウ</t>
    </rPh>
    <rPh sb="19" eb="20">
      <t>レイ</t>
    </rPh>
    <rPh sb="21" eb="23">
      <t>キテイ</t>
    </rPh>
    <rPh sb="27" eb="29">
      <t>ショッケン</t>
    </rPh>
    <rPh sb="30" eb="33">
      <t>ジュウミンヒョウ</t>
    </rPh>
    <rPh sb="34" eb="36">
      <t>キサイ</t>
    </rPh>
    <rPh sb="39" eb="40">
      <t>モノ</t>
    </rPh>
    <rPh sb="40" eb="41">
      <t>マタ</t>
    </rPh>
    <rPh sb="42" eb="45">
      <t>ジュウミンヒョウ</t>
    </rPh>
    <rPh sb="47" eb="48">
      <t>ショウ</t>
    </rPh>
    <rPh sb="48" eb="49">
      <t>ジョ</t>
    </rPh>
    <rPh sb="52" eb="53">
      <t>モノ</t>
    </rPh>
    <rPh sb="54" eb="55">
      <t>カズ</t>
    </rPh>
    <phoneticPr fontId="2"/>
  </si>
  <si>
    <t>月別市区町村別人口及び世帯数　(1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第８表</t>
    <rPh sb="0" eb="1">
      <t>ダイ</t>
    </rPh>
    <rPh sb="2" eb="3">
      <t>ヒョウ</t>
    </rPh>
    <phoneticPr fontId="2"/>
  </si>
  <si>
    <t>令和4年１月１日</t>
  </si>
  <si>
    <t>令和4年２月１日</t>
  </si>
  <si>
    <t>総人口</t>
    <rPh sb="0" eb="1">
      <t>ソウ</t>
    </rPh>
    <rPh sb="1" eb="3">
      <t>ジンコ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総人口</t>
    <rPh sb="0" eb="3">
      <t>ソウジンコウ</t>
    </rPh>
    <phoneticPr fontId="2"/>
  </si>
  <si>
    <t>月別市区町村別人口及び世帯数　(2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4年３月１日</t>
  </si>
  <si>
    <t>令和4年４月１日</t>
  </si>
  <si>
    <t>月別市区町村別人口及び世帯数　(3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4年５月１日</t>
  </si>
  <si>
    <t>令和4年６月１日</t>
  </si>
  <si>
    <t>月別市区町村別人口及び世帯数　(4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4年７月１日</t>
  </si>
  <si>
    <t>令和4年８月１日</t>
  </si>
  <si>
    <t>月別市区町村別人口及び世帯数　(5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4年９月１日</t>
  </si>
  <si>
    <t>令和4年10月１日</t>
  </si>
  <si>
    <t>月別市区町村別人口及び世帯数　(6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4年11月１日</t>
  </si>
  <si>
    <t>令和4年12月１日</t>
  </si>
  <si>
    <t>月別地域別人口(令和4年)</t>
  </si>
  <si>
    <t>第９表</t>
    <rPh sb="0" eb="1">
      <t>ダイ</t>
    </rPh>
    <rPh sb="2" eb="3">
      <t>ヒョウ</t>
    </rPh>
    <phoneticPr fontId="2"/>
  </si>
  <si>
    <t>地　　域</t>
    <rPh sb="0" eb="1">
      <t>チ</t>
    </rPh>
    <rPh sb="3" eb="4">
      <t>イキ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5">
      <t>ヨコスカミウラ</t>
    </rPh>
    <phoneticPr fontId="2"/>
  </si>
  <si>
    <t>葉山町</t>
    <rPh sb="0" eb="3">
      <t>ハヤママチ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茅ヶ崎市</t>
    <phoneticPr fontId="2"/>
  </si>
  <si>
    <t>寒川町</t>
    <rPh sb="0" eb="3">
      <t>サムカワマチ</t>
    </rPh>
    <phoneticPr fontId="2"/>
  </si>
  <si>
    <t>県西</t>
    <rPh sb="0" eb="2">
      <t>ケンセイ</t>
    </rPh>
    <phoneticPr fontId="2"/>
  </si>
  <si>
    <t>地域別人口増減及び増減率</t>
    <rPh sb="0" eb="5">
      <t>チイキベツジンコウ</t>
    </rPh>
    <rPh sb="5" eb="8">
      <t>ゾウゲンオヨ</t>
    </rPh>
    <rPh sb="9" eb="11">
      <t>ゾウゲン</t>
    </rPh>
    <rPh sb="11" eb="12">
      <t>リツ</t>
    </rPh>
    <phoneticPr fontId="2"/>
  </si>
  <si>
    <t>第10表</t>
    <rPh sb="0" eb="1">
      <t>ダイ</t>
    </rPh>
    <rPh sb="3" eb="4">
      <t>ヒョウ</t>
    </rPh>
    <phoneticPr fontId="2"/>
  </si>
  <si>
    <t>地域（※）</t>
    <rPh sb="0" eb="2">
      <t>チイキ</t>
    </rPh>
    <phoneticPr fontId="2"/>
  </si>
  <si>
    <t>人口総数に
対する割合</t>
    <rPh sb="0" eb="2">
      <t>ジンコウ</t>
    </rPh>
    <rPh sb="2" eb="4">
      <t>ソウスウ</t>
    </rPh>
    <rPh sb="6" eb="7">
      <t>タイ</t>
    </rPh>
    <rPh sb="9" eb="11">
      <t>ワリアイ</t>
    </rPh>
    <phoneticPr fontId="2"/>
  </si>
  <si>
    <t>年　　間
人口増減</t>
    <rPh sb="0" eb="1">
      <t>トシ</t>
    </rPh>
    <rPh sb="3" eb="4">
      <t>アイダ</t>
    </rPh>
    <rPh sb="5" eb="7">
      <t>ジンコウ</t>
    </rPh>
    <rPh sb="7" eb="9">
      <t>ゾウゲン</t>
    </rPh>
    <phoneticPr fontId="2"/>
  </si>
  <si>
    <t>(注)人口は令和5年１月１日現在。</t>
  </si>
  <si>
    <t>※地域(令和5年１月１日現在)</t>
  </si>
  <si>
    <t>・・・・・・・・・・</t>
    <phoneticPr fontId="2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20">
      <t>ハヤママチ</t>
    </rPh>
    <phoneticPr fontId="2"/>
  </si>
  <si>
    <t>相模原市、厚木市、大和市、海老名市、座間市、綾瀬市、愛川町、清川村</t>
    <rPh sb="0" eb="4">
      <t>サガミハラシ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2"/>
  </si>
  <si>
    <t>平塚市、藤沢市、茅ヶ崎市、秦野市、伊勢原市、寒川町、大磯町、二宮町</t>
    <rPh sb="0" eb="3">
      <t>ヒラツカシ</t>
    </rPh>
    <rPh sb="4" eb="7">
      <t>フジサワシ</t>
    </rPh>
    <rPh sb="13" eb="16">
      <t>ハダノシ</t>
    </rPh>
    <rPh sb="17" eb="21">
      <t>イセハラシ</t>
    </rPh>
    <rPh sb="22" eb="25">
      <t>サムカワマチ</t>
    </rPh>
    <rPh sb="26" eb="29">
      <t>オオイソマチ</t>
    </rPh>
    <rPh sb="30" eb="33">
      <t>ニノミヤマチ</t>
    </rPh>
    <phoneticPr fontId="2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2">
      <t>ユガワラマチ</t>
    </rPh>
    <phoneticPr fontId="2"/>
  </si>
  <si>
    <t>人口と世帯</t>
    <rPh sb="0" eb="2">
      <t>ジンコウ</t>
    </rPh>
    <rPh sb="3" eb="5">
      <t>セタイ</t>
    </rPh>
    <phoneticPr fontId="2"/>
  </si>
  <si>
    <t>参考１</t>
    <rPh sb="0" eb="2">
      <t>サンコウ</t>
    </rPh>
    <phoneticPr fontId="2"/>
  </si>
  <si>
    <t>令和5年１月１日現在</t>
  </si>
  <si>
    <t>１世帯
当たり人員</t>
    <rPh sb="1" eb="3">
      <t>セタイ</t>
    </rPh>
    <rPh sb="4" eb="5">
      <t>ア</t>
    </rPh>
    <rPh sb="7" eb="9">
      <t>ジンイン</t>
    </rPh>
    <phoneticPr fontId="2"/>
  </si>
  <si>
    <r>
      <t>人口密度
(1km</t>
    </r>
    <r>
      <rPr>
        <vertAlign val="superscript"/>
        <sz val="8"/>
        <color theme="1"/>
        <rFont val="HGPｺﾞｼｯｸM"/>
        <family val="3"/>
        <charset val="128"/>
      </rPr>
      <t>2</t>
    </r>
    <r>
      <rPr>
        <sz val="8"/>
        <color theme="1"/>
        <rFont val="HGPｺﾞｼｯｸM"/>
        <family val="3"/>
        <charset val="128"/>
      </rPr>
      <t>当たり)</t>
    </r>
    <rPh sb="0" eb="2">
      <t>ジンコウ</t>
    </rPh>
    <rPh sb="2" eb="4">
      <t>ミツド</t>
    </rPh>
    <rPh sb="10" eb="11">
      <t>ア</t>
    </rPh>
    <phoneticPr fontId="2"/>
  </si>
  <si>
    <t>女性100人に
対する男性の数</t>
    <rPh sb="0" eb="2">
      <t>ジョセイ</t>
    </rPh>
    <rPh sb="5" eb="6">
      <t>ニン</t>
    </rPh>
    <rPh sb="8" eb="9">
      <t>タイ</t>
    </rPh>
    <rPh sb="11" eb="13">
      <t>ダンセイ</t>
    </rPh>
    <rPh sb="14" eb="15">
      <t>カズ</t>
    </rPh>
    <phoneticPr fontId="2"/>
  </si>
  <si>
    <t>人口総数に
対する割合</t>
    <rPh sb="0" eb="4">
      <t>ジンコウソウスウ</t>
    </rPh>
    <rPh sb="6" eb="7">
      <t>タイ</t>
    </rPh>
    <rPh sb="9" eb="11">
      <t>ワリアイ</t>
    </rPh>
    <phoneticPr fontId="2"/>
  </si>
  <si>
    <t>(注)人口密度は、国土交通省国土地理院「全国都道府県市区町村別面積調（令和3年10月1日現在）」の数値に基づき算定。</t>
  </si>
  <si>
    <t>国勢調査結果による人口と世帯の推移</t>
    <rPh sb="0" eb="6">
      <t>コクセイチョウサケッカ</t>
    </rPh>
    <rPh sb="9" eb="11">
      <t>ジンコウ</t>
    </rPh>
    <rPh sb="12" eb="14">
      <t>セタイ</t>
    </rPh>
    <rPh sb="15" eb="17">
      <t>スイイ</t>
    </rPh>
    <phoneticPr fontId="2"/>
  </si>
  <si>
    <t>参考２</t>
    <rPh sb="0" eb="2">
      <t>サンコウ</t>
    </rPh>
    <phoneticPr fontId="2"/>
  </si>
  <si>
    <t>前回調査に対する増減</t>
    <rPh sb="0" eb="4">
      <t>ゼンカイチョウサ</t>
    </rPh>
    <rPh sb="5" eb="6">
      <t>タイ</t>
    </rPh>
    <rPh sb="8" eb="10">
      <t>ゾウゲン</t>
    </rPh>
    <phoneticPr fontId="2"/>
  </si>
  <si>
    <r>
      <t xml:space="preserve">人口密度
</t>
    </r>
    <r>
      <rPr>
        <sz val="7"/>
        <color theme="1"/>
        <rFont val="HGPｺﾞｼｯｸM"/>
        <family val="3"/>
        <charset val="128"/>
      </rPr>
      <t>(1km</t>
    </r>
    <r>
      <rPr>
        <vertAlign val="superscript"/>
        <sz val="7"/>
        <color theme="1"/>
        <rFont val="HGPｺﾞｼｯｸM"/>
        <family val="3"/>
        <charset val="128"/>
      </rPr>
      <t>2</t>
    </r>
    <r>
      <rPr>
        <sz val="7"/>
        <color theme="1"/>
        <rFont val="HGPｺﾞｼｯｸM"/>
        <family val="3"/>
        <charset val="128"/>
      </rPr>
      <t>当たり)</t>
    </r>
    <rPh sb="0" eb="2">
      <t>ジンコウ</t>
    </rPh>
    <rPh sb="2" eb="4">
      <t>ミツド</t>
    </rPh>
    <rPh sb="10" eb="11">
      <t>ア</t>
    </rPh>
    <phoneticPr fontId="2"/>
  </si>
  <si>
    <t>世帯増減</t>
    <rPh sb="0" eb="4">
      <t>セタイゾウゲン</t>
    </rPh>
    <phoneticPr fontId="2"/>
  </si>
  <si>
    <t>人</t>
    <rPh sb="0" eb="1">
      <t>ニン</t>
    </rPh>
    <phoneticPr fontId="2"/>
  </si>
  <si>
    <t>％</t>
  </si>
  <si>
    <t>昭和22年10月1日
（臨時国勢調査）</t>
    <rPh sb="0" eb="2">
      <t>ショウワ</t>
    </rPh>
    <rPh sb="4" eb="5">
      <t>ネン</t>
    </rPh>
    <rPh sb="7" eb="8">
      <t>ガツ</t>
    </rPh>
    <rPh sb="9" eb="10">
      <t>ニチ</t>
    </rPh>
    <rPh sb="12" eb="14">
      <t>リンジ</t>
    </rPh>
    <rPh sb="14" eb="16">
      <t>コクセイ</t>
    </rPh>
    <rPh sb="16" eb="18">
      <t>チョウサ</t>
    </rPh>
    <phoneticPr fontId="17"/>
  </si>
  <si>
    <t>―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_ "/>
    <numFmt numFmtId="177" formatCode="0.00_ ;\-0.00\ "/>
    <numFmt numFmtId="178" formatCode="#,##0.00_ "/>
    <numFmt numFmtId="179" formatCode="0.0_ "/>
    <numFmt numFmtId="180" formatCode="0.0_);[Red]\(0.0\)"/>
    <numFmt numFmtId="181" formatCode="#,##0.0_ "/>
  </numFmts>
  <fonts count="18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sz val="8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b/>
      <sz val="8"/>
      <name val="HGPｺﾞｼｯｸM"/>
      <family val="3"/>
      <charset val="128"/>
    </font>
    <font>
      <sz val="12"/>
      <name val="ＭＳ 明朝"/>
      <family val="2"/>
      <charset val="128"/>
    </font>
    <font>
      <vertAlign val="superscript"/>
      <sz val="8"/>
      <color theme="1"/>
      <name val="HGPｺﾞｼｯｸM"/>
      <family val="3"/>
      <charset val="128"/>
    </font>
    <font>
      <sz val="7"/>
      <color theme="1"/>
      <name val="HGPｺﾞｼｯｸM"/>
      <family val="3"/>
      <charset val="128"/>
    </font>
    <font>
      <sz val="8"/>
      <color rgb="FF000000"/>
      <name val="HGPｺﾞｼｯｸM"/>
      <family val="3"/>
      <charset val="128"/>
    </font>
    <font>
      <sz val="7"/>
      <color rgb="FF000000"/>
      <name val="HGPｺﾞｼｯｸM"/>
      <family val="3"/>
      <charset val="128"/>
    </font>
    <font>
      <vertAlign val="superscript"/>
      <sz val="7"/>
      <color theme="1"/>
      <name val="HGPｺﾞｼｯｸM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3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3" fillId="0" borderId="11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4" fillId="2" borderId="7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5" fillId="2" borderId="0" xfId="0" applyFont="1" applyFill="1" applyBorder="1">
      <alignment vertical="center"/>
    </xf>
    <xf numFmtId="176" fontId="5" fillId="2" borderId="8" xfId="0" applyNumberFormat="1" applyFont="1" applyFill="1" applyBorder="1">
      <alignment vertical="center"/>
    </xf>
    <xf numFmtId="176" fontId="5" fillId="2" borderId="8" xfId="0" applyNumberFormat="1" applyFont="1" applyFill="1" applyBorder="1" applyAlignment="1">
      <alignment horizontal="center" vertical="center"/>
    </xf>
    <xf numFmtId="177" fontId="5" fillId="2" borderId="8" xfId="0" applyNumberFormat="1" applyFont="1" applyFill="1" applyBorder="1" applyAlignment="1">
      <alignment horizontal="center" vertical="center"/>
    </xf>
    <xf numFmtId="176" fontId="5" fillId="2" borderId="0" xfId="0" applyNumberFormat="1" applyFont="1" applyFill="1" applyBorder="1">
      <alignment vertical="center"/>
    </xf>
    <xf numFmtId="178" fontId="5" fillId="2" borderId="13" xfId="0" applyNumberFormat="1" applyFont="1" applyFill="1" applyBorder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5" fillId="0" borderId="0" xfId="0" applyFont="1" applyFill="1" applyBorder="1">
      <alignment vertical="center"/>
    </xf>
    <xf numFmtId="176" fontId="6" fillId="0" borderId="8" xfId="0" applyNumberFormat="1" applyFont="1" applyFill="1" applyBorder="1" applyAlignment="1">
      <alignment horizontal="right" vertical="center"/>
    </xf>
    <xf numFmtId="177" fontId="6" fillId="0" borderId="8" xfId="0" applyNumberFormat="1" applyFont="1" applyFill="1" applyBorder="1" applyAlignment="1">
      <alignment horizontal="right" vertical="center"/>
    </xf>
    <xf numFmtId="176" fontId="6" fillId="0" borderId="0" xfId="0" applyNumberFormat="1" applyFont="1" applyFill="1" applyBorder="1" applyAlignment="1">
      <alignment horizontal="right" vertical="center"/>
    </xf>
    <xf numFmtId="178" fontId="6" fillId="0" borderId="13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3" fillId="0" borderId="8" xfId="0" applyNumberFormat="1" applyFont="1" applyFill="1" applyBorder="1" applyAlignment="1">
      <alignment horizontal="right" vertical="center"/>
    </xf>
    <xf numFmtId="177" fontId="3" fillId="0" borderId="8" xfId="0" applyNumberFormat="1" applyFont="1" applyFill="1" applyBorder="1" applyAlignment="1">
      <alignment horizontal="right" vertical="center"/>
    </xf>
    <xf numFmtId="176" fontId="3" fillId="0" borderId="0" xfId="0" applyNumberFormat="1" applyFont="1" applyFill="1" applyBorder="1" applyAlignment="1">
      <alignment horizontal="right" vertical="center"/>
    </xf>
    <xf numFmtId="178" fontId="3" fillId="0" borderId="13" xfId="0" applyNumberFormat="1" applyFont="1" applyFill="1" applyBorder="1" applyAlignment="1">
      <alignment horizontal="right" vertical="center"/>
    </xf>
    <xf numFmtId="0" fontId="3" fillId="0" borderId="7" xfId="0" applyFont="1" applyBorder="1" applyAlignment="1">
      <alignment horizontal="distributed" vertical="center"/>
    </xf>
    <xf numFmtId="0" fontId="6" fillId="0" borderId="0" xfId="0" applyFont="1" applyBorder="1" applyAlignment="1">
      <alignment horizontal="distributed" vertical="center"/>
    </xf>
    <xf numFmtId="0" fontId="3" fillId="0" borderId="0" xfId="0" applyFont="1" applyBorder="1">
      <alignment vertical="center"/>
    </xf>
    <xf numFmtId="176" fontId="3" fillId="0" borderId="8" xfId="0" applyNumberFormat="1" applyFont="1" applyBorder="1" applyAlignment="1">
      <alignment horizontal="right" vertical="center"/>
    </xf>
    <xf numFmtId="177" fontId="3" fillId="0" borderId="8" xfId="0" applyNumberFormat="1" applyFont="1" applyBorder="1" applyAlignment="1">
      <alignment horizontal="right" vertical="center"/>
    </xf>
    <xf numFmtId="176" fontId="3" fillId="0" borderId="0" xfId="0" applyNumberFormat="1" applyFont="1" applyBorder="1" applyAlignment="1">
      <alignment horizontal="right" vertical="center"/>
    </xf>
    <xf numFmtId="178" fontId="3" fillId="0" borderId="13" xfId="0" applyNumberFormat="1" applyFont="1" applyBorder="1" applyAlignment="1">
      <alignment horizontal="right" vertical="center"/>
    </xf>
    <xf numFmtId="0" fontId="7" fillId="3" borderId="7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3" fillId="3" borderId="8" xfId="0" applyNumberFormat="1" applyFont="1" applyFill="1" applyBorder="1" applyAlignment="1">
      <alignment horizontal="right" vertical="center"/>
    </xf>
    <xf numFmtId="177" fontId="3" fillId="3" borderId="8" xfId="0" applyNumberFormat="1" applyFont="1" applyFill="1" applyBorder="1" applyAlignment="1">
      <alignment horizontal="right" vertical="center"/>
    </xf>
    <xf numFmtId="176" fontId="3" fillId="3" borderId="0" xfId="0" applyNumberFormat="1" applyFont="1" applyFill="1" applyBorder="1" applyAlignment="1">
      <alignment horizontal="right" vertical="center"/>
    </xf>
    <xf numFmtId="178" fontId="3" fillId="3" borderId="13" xfId="0" applyNumberFormat="1" applyFont="1" applyFill="1" applyBorder="1" applyAlignment="1">
      <alignment horizontal="right" vertical="center"/>
    </xf>
    <xf numFmtId="0" fontId="3" fillId="0" borderId="20" xfId="0" applyFont="1" applyBorder="1">
      <alignment vertical="center"/>
    </xf>
    <xf numFmtId="0" fontId="3" fillId="0" borderId="21" xfId="0" applyFont="1" applyBorder="1">
      <alignment vertical="center"/>
    </xf>
    <xf numFmtId="176" fontId="3" fillId="0" borderId="22" xfId="0" applyNumberFormat="1" applyFont="1" applyBorder="1" applyAlignment="1">
      <alignment horizontal="right" vertical="center"/>
    </xf>
    <xf numFmtId="178" fontId="3" fillId="0" borderId="22" xfId="0" applyNumberFormat="1" applyFont="1" applyBorder="1" applyAlignment="1">
      <alignment horizontal="right" vertical="center"/>
    </xf>
    <xf numFmtId="176" fontId="3" fillId="0" borderId="21" xfId="0" applyNumberFormat="1" applyFont="1" applyBorder="1" applyAlignment="1">
      <alignment horizontal="right" vertical="center"/>
    </xf>
    <xf numFmtId="178" fontId="3" fillId="0" borderId="23" xfId="0" applyNumberFormat="1" applyFont="1" applyBorder="1" applyAlignment="1">
      <alignment horizontal="right" vertical="center"/>
    </xf>
    <xf numFmtId="0" fontId="8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7" xfId="0" applyFont="1" applyFill="1" applyBorder="1" applyAlignment="1">
      <alignment horizontal="distributed" vertical="center"/>
    </xf>
    <xf numFmtId="0" fontId="3" fillId="3" borderId="7" xfId="0" applyFont="1" applyFill="1" applyBorder="1" applyAlignment="1">
      <alignment horizontal="distributed" vertical="center"/>
    </xf>
    <xf numFmtId="176" fontId="6" fillId="3" borderId="8" xfId="0" applyNumberFormat="1" applyFont="1" applyFill="1" applyBorder="1" applyAlignment="1">
      <alignment horizontal="center" vertical="center"/>
    </xf>
    <xf numFmtId="176" fontId="6" fillId="3" borderId="13" xfId="0" applyNumberFormat="1" applyFont="1" applyFill="1" applyBorder="1" applyAlignment="1">
      <alignment horizontal="center" vertical="center"/>
    </xf>
    <xf numFmtId="176" fontId="6" fillId="0" borderId="8" xfId="0" applyNumberFormat="1" applyFont="1" applyFill="1" applyBorder="1" applyAlignment="1">
      <alignment horizontal="center" vertical="center"/>
    </xf>
    <xf numFmtId="176" fontId="6" fillId="0" borderId="13" xfId="0" applyNumberFormat="1" applyFont="1" applyFill="1" applyBorder="1" applyAlignment="1">
      <alignment horizontal="center" vertical="center"/>
    </xf>
    <xf numFmtId="177" fontId="3" fillId="0" borderId="8" xfId="0" applyNumberFormat="1" applyFont="1" applyBorder="1" applyAlignment="1">
      <alignment horizontal="center" vertical="center"/>
    </xf>
    <xf numFmtId="176" fontId="3" fillId="0" borderId="0" xfId="0" applyNumberFormat="1" applyFont="1" applyBorder="1" applyAlignment="1">
      <alignment horizontal="center" vertical="center"/>
    </xf>
    <xf numFmtId="178" fontId="3" fillId="0" borderId="13" xfId="0" applyNumberFormat="1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distributed" vertical="center"/>
    </xf>
    <xf numFmtId="176" fontId="5" fillId="2" borderId="8" xfId="0" applyNumberFormat="1" applyFont="1" applyFill="1" applyBorder="1" applyAlignment="1">
      <alignment horizontal="right" vertical="center"/>
    </xf>
    <xf numFmtId="179" fontId="5" fillId="2" borderId="0" xfId="0" applyNumberFormat="1" applyFont="1" applyFill="1" applyBorder="1" applyAlignment="1">
      <alignment horizontal="right" vertical="center"/>
    </xf>
    <xf numFmtId="179" fontId="5" fillId="2" borderId="13" xfId="0" applyNumberFormat="1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distributed" vertical="center"/>
    </xf>
    <xf numFmtId="179" fontId="3" fillId="0" borderId="0" xfId="0" applyNumberFormat="1" applyFont="1" applyFill="1" applyBorder="1" applyAlignment="1">
      <alignment horizontal="right" vertical="center"/>
    </xf>
    <xf numFmtId="179" fontId="3" fillId="0" borderId="13" xfId="0" applyNumberFormat="1" applyFont="1" applyFill="1" applyBorder="1" applyAlignment="1">
      <alignment horizontal="right" vertical="center"/>
    </xf>
    <xf numFmtId="0" fontId="3" fillId="0" borderId="0" xfId="0" applyFont="1" applyBorder="1" applyAlignment="1">
      <alignment horizontal="distributed" vertical="center"/>
    </xf>
    <xf numFmtId="179" fontId="3" fillId="0" borderId="0" xfId="0" applyNumberFormat="1" applyFont="1" applyBorder="1" applyAlignment="1">
      <alignment horizontal="right" vertical="center"/>
    </xf>
    <xf numFmtId="179" fontId="3" fillId="0" borderId="13" xfId="0" applyNumberFormat="1" applyFont="1" applyBorder="1" applyAlignment="1">
      <alignment horizontal="right" vertical="center"/>
    </xf>
    <xf numFmtId="0" fontId="3" fillId="3" borderId="0" xfId="0" applyFont="1" applyFill="1" applyBorder="1" applyAlignment="1">
      <alignment horizontal="distributed" vertical="center"/>
    </xf>
    <xf numFmtId="179" fontId="3" fillId="3" borderId="0" xfId="0" applyNumberFormat="1" applyFont="1" applyFill="1" applyBorder="1" applyAlignment="1">
      <alignment horizontal="right" vertical="center"/>
    </xf>
    <xf numFmtId="179" fontId="3" fillId="3" borderId="13" xfId="0" applyNumberFormat="1" applyFont="1" applyFill="1" applyBorder="1" applyAlignment="1">
      <alignment horizontal="right" vertical="center"/>
    </xf>
    <xf numFmtId="176" fontId="3" fillId="0" borderId="22" xfId="0" applyNumberFormat="1" applyFont="1" applyBorder="1">
      <alignment vertical="center"/>
    </xf>
    <xf numFmtId="179" fontId="3" fillId="0" borderId="21" xfId="0" applyNumberFormat="1" applyFont="1" applyBorder="1">
      <alignment vertical="center"/>
    </xf>
    <xf numFmtId="179" fontId="3" fillId="0" borderId="23" xfId="0" applyNumberFormat="1" applyFont="1" applyBorder="1">
      <alignment vertical="center"/>
    </xf>
    <xf numFmtId="0" fontId="3" fillId="0" borderId="0" xfId="0" applyFont="1" applyBorder="1" applyAlignment="1">
      <alignment vertical="center"/>
    </xf>
    <xf numFmtId="0" fontId="3" fillId="0" borderId="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/>
    </xf>
    <xf numFmtId="176" fontId="5" fillId="2" borderId="13" xfId="0" applyNumberFormat="1" applyFont="1" applyFill="1" applyBorder="1" applyAlignment="1">
      <alignment horizontal="right" vertical="center"/>
    </xf>
    <xf numFmtId="176" fontId="6" fillId="0" borderId="13" xfId="0" applyNumberFormat="1" applyFont="1" applyFill="1" applyBorder="1" applyAlignment="1">
      <alignment horizontal="right" vertical="center"/>
    </xf>
    <xf numFmtId="176" fontId="6" fillId="0" borderId="8" xfId="0" applyNumberFormat="1" applyFont="1" applyBorder="1" applyAlignment="1">
      <alignment horizontal="right" vertical="center"/>
    </xf>
    <xf numFmtId="176" fontId="6" fillId="0" borderId="13" xfId="0" applyNumberFormat="1" applyFont="1" applyBorder="1" applyAlignment="1">
      <alignment horizontal="right" vertical="center"/>
    </xf>
    <xf numFmtId="176" fontId="6" fillId="3" borderId="8" xfId="0" applyNumberFormat="1" applyFont="1" applyFill="1" applyBorder="1" applyAlignment="1">
      <alignment horizontal="right" vertical="center"/>
    </xf>
    <xf numFmtId="176" fontId="6" fillId="3" borderId="13" xfId="0" applyNumberFormat="1" applyFont="1" applyFill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176" fontId="3" fillId="3" borderId="13" xfId="0" applyNumberFormat="1" applyFont="1" applyFill="1" applyBorder="1" applyAlignment="1">
      <alignment horizontal="right" vertical="center"/>
    </xf>
    <xf numFmtId="0" fontId="3" fillId="0" borderId="20" xfId="0" applyFont="1" applyBorder="1" applyAlignment="1">
      <alignment horizontal="distributed" vertical="center"/>
    </xf>
    <xf numFmtId="0" fontId="3" fillId="0" borderId="21" xfId="0" applyFont="1" applyBorder="1" applyAlignment="1">
      <alignment horizontal="distributed" vertical="center"/>
    </xf>
    <xf numFmtId="178" fontId="3" fillId="0" borderId="23" xfId="0" applyNumberFormat="1" applyFont="1" applyBorder="1">
      <alignment vertical="center"/>
    </xf>
    <xf numFmtId="0" fontId="3" fillId="0" borderId="2" xfId="0" applyFont="1" applyBorder="1" applyAlignment="1">
      <alignment vertical="center" wrapText="1"/>
    </xf>
    <xf numFmtId="0" fontId="3" fillId="0" borderId="0" xfId="0" applyFont="1" applyAlignment="1">
      <alignment vertical="top"/>
    </xf>
    <xf numFmtId="0" fontId="1" fillId="0" borderId="0" xfId="0" applyFont="1" applyAlignment="1">
      <alignment vertical="center"/>
    </xf>
    <xf numFmtId="0" fontId="3" fillId="0" borderId="0" xfId="0" applyFont="1" applyBorder="1" applyAlignment="1">
      <alignment horizontal="right"/>
    </xf>
    <xf numFmtId="0" fontId="3" fillId="0" borderId="27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right" vertical="center"/>
    </xf>
    <xf numFmtId="0" fontId="5" fillId="2" borderId="7" xfId="0" applyFont="1" applyFill="1" applyBorder="1">
      <alignment vertical="center"/>
    </xf>
    <xf numFmtId="0" fontId="5" fillId="2" borderId="0" xfId="0" applyFont="1" applyFill="1" applyBorder="1" applyAlignment="1">
      <alignment horizontal="center" vertical="center"/>
    </xf>
    <xf numFmtId="176" fontId="5" fillId="2" borderId="30" xfId="0" applyNumberFormat="1" applyFont="1" applyFill="1" applyBorder="1" applyAlignment="1">
      <alignment horizontal="right" vertical="center"/>
    </xf>
    <xf numFmtId="176" fontId="3" fillId="0" borderId="30" xfId="0" applyNumberFormat="1" applyFont="1" applyBorder="1" applyAlignment="1">
      <alignment horizontal="right" vertical="center"/>
    </xf>
    <xf numFmtId="0" fontId="3" fillId="0" borderId="21" xfId="0" applyFont="1" applyBorder="1" applyAlignment="1">
      <alignment horizontal="center" vertical="center"/>
    </xf>
    <xf numFmtId="176" fontId="3" fillId="0" borderId="31" xfId="0" applyNumberFormat="1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Border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9" fillId="0" borderId="21" xfId="0" applyFont="1" applyBorder="1" applyAlignment="1">
      <alignment horizontal="right"/>
    </xf>
    <xf numFmtId="0" fontId="3" fillId="0" borderId="32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/>
    </xf>
    <xf numFmtId="0" fontId="3" fillId="0" borderId="9" xfId="0" applyFont="1" applyBorder="1">
      <alignment vertical="center"/>
    </xf>
    <xf numFmtId="0" fontId="3" fillId="0" borderId="30" xfId="0" applyFont="1" applyBorder="1">
      <alignment vertical="center"/>
    </xf>
    <xf numFmtId="176" fontId="5" fillId="2" borderId="9" xfId="0" applyNumberFormat="1" applyFont="1" applyFill="1" applyBorder="1" applyAlignment="1">
      <alignment horizontal="right" vertical="center"/>
    </xf>
    <xf numFmtId="0" fontId="4" fillId="2" borderId="9" xfId="0" applyFont="1" applyFill="1" applyBorder="1" applyAlignment="1">
      <alignment horizontal="distributed" vertical="center"/>
    </xf>
    <xf numFmtId="0" fontId="5" fillId="2" borderId="30" xfId="0" applyFont="1" applyFill="1" applyBorder="1">
      <alignment vertical="center"/>
    </xf>
    <xf numFmtId="176" fontId="3" fillId="0" borderId="9" xfId="0" applyNumberFormat="1" applyFont="1" applyFill="1" applyBorder="1" applyAlignment="1">
      <alignment horizontal="right" vertical="center"/>
    </xf>
    <xf numFmtId="0" fontId="7" fillId="0" borderId="9" xfId="0" applyFont="1" applyFill="1" applyBorder="1" applyAlignment="1">
      <alignment horizontal="distributed" vertical="center"/>
    </xf>
    <xf numFmtId="0" fontId="3" fillId="0" borderId="30" xfId="0" applyFont="1" applyFill="1" applyBorder="1">
      <alignment vertical="center"/>
    </xf>
    <xf numFmtId="176" fontId="3" fillId="3" borderId="9" xfId="0" applyNumberFormat="1" applyFont="1" applyFill="1" applyBorder="1" applyAlignment="1">
      <alignment horizontal="right" vertical="center"/>
    </xf>
    <xf numFmtId="0" fontId="7" fillId="3" borderId="9" xfId="0" applyFont="1" applyFill="1" applyBorder="1" applyAlignment="1">
      <alignment horizontal="distributed" vertical="center"/>
    </xf>
    <xf numFmtId="0" fontId="3" fillId="3" borderId="30" xfId="0" applyFont="1" applyFill="1" applyBorder="1">
      <alignment vertical="center"/>
    </xf>
    <xf numFmtId="0" fontId="3" fillId="0" borderId="10" xfId="0" applyFont="1" applyBorder="1" applyAlignment="1">
      <alignment horizontal="distributed" vertical="center"/>
    </xf>
    <xf numFmtId="176" fontId="3" fillId="0" borderId="9" xfId="0" applyNumberFormat="1" applyFont="1" applyBorder="1" applyAlignment="1">
      <alignment horizontal="right" vertical="center"/>
    </xf>
    <xf numFmtId="0" fontId="3" fillId="0" borderId="9" xfId="0" applyFont="1" applyBorder="1" applyAlignment="1">
      <alignment horizontal="distributed" vertical="center"/>
    </xf>
    <xf numFmtId="0" fontId="3" fillId="0" borderId="30" xfId="0" applyFont="1" applyBorder="1" applyAlignment="1">
      <alignment horizontal="distributed" vertical="center"/>
    </xf>
    <xf numFmtId="0" fontId="10" fillId="0" borderId="7" xfId="0" applyFont="1" applyFill="1" applyBorder="1" applyAlignment="1">
      <alignment horizontal="distributed" vertical="center"/>
    </xf>
    <xf numFmtId="0" fontId="6" fillId="0" borderId="0" xfId="0" applyFont="1" applyFill="1" applyBorder="1">
      <alignment vertical="center"/>
    </xf>
    <xf numFmtId="176" fontId="6" fillId="0" borderId="9" xfId="0" applyNumberFormat="1" applyFont="1" applyFill="1" applyBorder="1" applyAlignment="1">
      <alignment horizontal="right" vertical="center"/>
    </xf>
    <xf numFmtId="0" fontId="10" fillId="0" borderId="9" xfId="0" applyFont="1" applyFill="1" applyBorder="1" applyAlignment="1">
      <alignment horizontal="distributed" vertical="center"/>
    </xf>
    <xf numFmtId="0" fontId="6" fillId="0" borderId="30" xfId="0" applyFont="1" applyFill="1" applyBorder="1">
      <alignment vertical="center"/>
    </xf>
    <xf numFmtId="0" fontId="11" fillId="0" borderId="0" xfId="0" applyFont="1" applyFill="1">
      <alignment vertical="center"/>
    </xf>
    <xf numFmtId="0" fontId="6" fillId="0" borderId="0" xfId="0" applyFont="1" applyFill="1">
      <alignment vertical="center"/>
    </xf>
    <xf numFmtId="0" fontId="3" fillId="0" borderId="9" xfId="0" applyFont="1" applyFill="1" applyBorder="1" applyAlignment="1">
      <alignment horizontal="distributed" vertical="center"/>
    </xf>
    <xf numFmtId="0" fontId="3" fillId="3" borderId="9" xfId="0" applyFont="1" applyFill="1" applyBorder="1" applyAlignment="1">
      <alignment horizontal="distributed" vertical="center"/>
    </xf>
    <xf numFmtId="176" fontId="3" fillId="0" borderId="34" xfId="0" applyNumberFormat="1" applyFont="1" applyBorder="1">
      <alignment vertical="center"/>
    </xf>
    <xf numFmtId="0" fontId="3" fillId="0" borderId="34" xfId="0" applyFont="1" applyBorder="1" applyAlignment="1">
      <alignment horizontal="distributed" vertical="center"/>
    </xf>
    <xf numFmtId="0" fontId="3" fillId="0" borderId="31" xfId="0" applyFont="1" applyBorder="1">
      <alignment vertical="center"/>
    </xf>
    <xf numFmtId="0" fontId="3" fillId="0" borderId="0" xfId="0" applyFont="1" applyAlignment="1">
      <alignment horizontal="right"/>
    </xf>
    <xf numFmtId="0" fontId="3" fillId="0" borderId="35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177" fontId="5" fillId="2" borderId="8" xfId="0" applyNumberFormat="1" applyFont="1" applyFill="1" applyBorder="1">
      <alignment vertical="center"/>
    </xf>
    <xf numFmtId="177" fontId="5" fillId="2" borderId="30" xfId="0" applyNumberFormat="1" applyFont="1" applyFill="1" applyBorder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distributed" vertical="center"/>
    </xf>
    <xf numFmtId="176" fontId="3" fillId="0" borderId="8" xfId="0" applyNumberFormat="1" applyFont="1" applyFill="1" applyBorder="1">
      <alignment vertical="center"/>
    </xf>
    <xf numFmtId="177" fontId="3" fillId="0" borderId="8" xfId="0" applyNumberFormat="1" applyFont="1" applyFill="1" applyBorder="1">
      <alignment vertical="center"/>
    </xf>
    <xf numFmtId="177" fontId="3" fillId="0" borderId="30" xfId="0" applyNumberFormat="1" applyFont="1" applyFill="1" applyBorder="1">
      <alignment vertical="center"/>
    </xf>
    <xf numFmtId="176" fontId="3" fillId="0" borderId="8" xfId="0" applyNumberFormat="1" applyFont="1" applyBorder="1">
      <alignment vertical="center"/>
    </xf>
    <xf numFmtId="177" fontId="3" fillId="0" borderId="8" xfId="0" applyNumberFormat="1" applyFont="1" applyBorder="1">
      <alignment vertical="center"/>
    </xf>
    <xf numFmtId="177" fontId="3" fillId="0" borderId="30" xfId="0" applyNumberFormat="1" applyFont="1" applyBorder="1">
      <alignment vertical="center"/>
    </xf>
    <xf numFmtId="0" fontId="7" fillId="3" borderId="7" xfId="0" applyFont="1" applyFill="1" applyBorder="1" applyAlignment="1">
      <alignment horizontal="distributed" vertical="center"/>
    </xf>
    <xf numFmtId="0" fontId="7" fillId="3" borderId="0" xfId="0" applyFont="1" applyFill="1" applyBorder="1" applyAlignment="1">
      <alignment horizontal="distributed" vertical="center"/>
    </xf>
    <xf numFmtId="176" fontId="3" fillId="3" borderId="8" xfId="0" applyNumberFormat="1" applyFont="1" applyFill="1" applyBorder="1">
      <alignment vertical="center"/>
    </xf>
    <xf numFmtId="177" fontId="3" fillId="3" borderId="8" xfId="0" applyNumberFormat="1" applyFont="1" applyFill="1" applyBorder="1">
      <alignment vertical="center"/>
    </xf>
    <xf numFmtId="177" fontId="3" fillId="3" borderId="30" xfId="0" applyNumberFormat="1" applyFont="1" applyFill="1" applyBorder="1">
      <alignment vertical="center"/>
    </xf>
    <xf numFmtId="0" fontId="3" fillId="0" borderId="7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3" fillId="0" borderId="22" xfId="0" applyFont="1" applyBorder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176" fontId="5" fillId="2" borderId="13" xfId="0" applyNumberFormat="1" applyFont="1" applyFill="1" applyBorder="1">
      <alignment vertical="center"/>
    </xf>
    <xf numFmtId="176" fontId="3" fillId="0" borderId="13" xfId="0" applyNumberFormat="1" applyFont="1" applyFill="1" applyBorder="1">
      <alignment vertical="center"/>
    </xf>
    <xf numFmtId="176" fontId="3" fillId="0" borderId="13" xfId="0" applyNumberFormat="1" applyFont="1" applyBorder="1">
      <alignment vertical="center"/>
    </xf>
    <xf numFmtId="176" fontId="3" fillId="3" borderId="13" xfId="0" applyNumberFormat="1" applyFont="1" applyFill="1" applyBorder="1">
      <alignment vertical="center"/>
    </xf>
    <xf numFmtId="176" fontId="3" fillId="0" borderId="23" xfId="0" applyNumberFormat="1" applyFont="1" applyBorder="1">
      <alignment vertical="center"/>
    </xf>
    <xf numFmtId="0" fontId="8" fillId="0" borderId="0" xfId="0" applyFont="1">
      <alignment vertical="center"/>
    </xf>
    <xf numFmtId="0" fontId="3" fillId="0" borderId="3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39" xfId="0" applyFont="1" applyBorder="1" applyAlignment="1">
      <alignment horizontal="center" vertical="center"/>
    </xf>
    <xf numFmtId="0" fontId="3" fillId="0" borderId="10" xfId="0" applyFont="1" applyBorder="1" applyAlignment="1">
      <alignment horizontal="right" vertical="center"/>
    </xf>
    <xf numFmtId="179" fontId="3" fillId="0" borderId="8" xfId="0" applyNumberFormat="1" applyFont="1" applyBorder="1">
      <alignment vertical="center"/>
    </xf>
    <xf numFmtId="176" fontId="3" fillId="0" borderId="10" xfId="0" applyNumberFormat="1" applyFont="1" applyBorder="1">
      <alignment vertical="center"/>
    </xf>
    <xf numFmtId="178" fontId="3" fillId="0" borderId="8" xfId="0" applyNumberFormat="1" applyFont="1" applyBorder="1">
      <alignment vertical="center"/>
    </xf>
    <xf numFmtId="178" fontId="3" fillId="0" borderId="13" xfId="0" applyNumberFormat="1" applyFont="1" applyBorder="1">
      <alignment vertical="center"/>
    </xf>
    <xf numFmtId="180" fontId="3" fillId="0" borderId="22" xfId="0" applyNumberFormat="1" applyFont="1" applyBorder="1">
      <alignment vertical="center"/>
    </xf>
    <xf numFmtId="176" fontId="3" fillId="0" borderId="41" xfId="0" applyNumberFormat="1" applyFont="1" applyBorder="1">
      <alignment vertical="center"/>
    </xf>
    <xf numFmtId="0" fontId="9" fillId="0" borderId="0" xfId="0" applyFont="1" applyAlignment="1">
      <alignment horizontal="left" vertical="center"/>
    </xf>
    <xf numFmtId="0" fontId="9" fillId="0" borderId="0" xfId="0" applyFont="1" applyAlignment="1">
      <alignment horizontal="distributed"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3" fillId="0" borderId="21" xfId="0" applyFont="1" applyBorder="1" applyAlignment="1">
      <alignment horizontal="right" vertical="center"/>
    </xf>
    <xf numFmtId="0" fontId="13" fillId="0" borderId="3" xfId="0" applyFont="1" applyBorder="1" applyAlignment="1">
      <alignment horizontal="center" vertical="center" wrapText="1"/>
    </xf>
    <xf numFmtId="0" fontId="13" fillId="0" borderId="16" xfId="0" applyFont="1" applyBorder="1" applyAlignment="1">
      <alignment horizontal="center" vertical="center"/>
    </xf>
    <xf numFmtId="178" fontId="5" fillId="2" borderId="8" xfId="0" applyNumberFormat="1" applyFont="1" applyFill="1" applyBorder="1">
      <alignment vertical="center"/>
    </xf>
    <xf numFmtId="181" fontId="5" fillId="2" borderId="8" xfId="0" applyNumberFormat="1" applyFont="1" applyFill="1" applyBorder="1">
      <alignment vertical="center"/>
    </xf>
    <xf numFmtId="181" fontId="5" fillId="2" borderId="13" xfId="0" applyNumberFormat="1" applyFont="1" applyFill="1" applyBorder="1">
      <alignment vertical="center"/>
    </xf>
    <xf numFmtId="178" fontId="3" fillId="0" borderId="8" xfId="0" applyNumberFormat="1" applyFont="1" applyFill="1" applyBorder="1">
      <alignment vertical="center"/>
    </xf>
    <xf numFmtId="181" fontId="3" fillId="0" borderId="8" xfId="0" applyNumberFormat="1" applyFont="1" applyFill="1" applyBorder="1">
      <alignment vertical="center"/>
    </xf>
    <xf numFmtId="181" fontId="3" fillId="0" borderId="13" xfId="0" applyNumberFormat="1" applyFont="1" applyFill="1" applyBorder="1">
      <alignment vertical="center"/>
    </xf>
    <xf numFmtId="181" fontId="3" fillId="0" borderId="8" xfId="0" applyNumberFormat="1" applyFont="1" applyBorder="1">
      <alignment vertical="center"/>
    </xf>
    <xf numFmtId="181" fontId="3" fillId="0" borderId="13" xfId="0" applyNumberFormat="1" applyFont="1" applyBorder="1">
      <alignment vertical="center"/>
    </xf>
    <xf numFmtId="178" fontId="3" fillId="3" borderId="8" xfId="0" applyNumberFormat="1" applyFont="1" applyFill="1" applyBorder="1">
      <alignment vertical="center"/>
    </xf>
    <xf numFmtId="181" fontId="3" fillId="3" borderId="8" xfId="0" applyNumberFormat="1" applyFont="1" applyFill="1" applyBorder="1">
      <alignment vertical="center"/>
    </xf>
    <xf numFmtId="181" fontId="3" fillId="3" borderId="13" xfId="0" applyNumberFormat="1" applyFont="1" applyFill="1" applyBorder="1">
      <alignment vertical="center"/>
    </xf>
    <xf numFmtId="178" fontId="3" fillId="0" borderId="22" xfId="0" applyNumberFormat="1" applyFont="1" applyBorder="1">
      <alignment vertical="center"/>
    </xf>
    <xf numFmtId="0" fontId="3" fillId="0" borderId="23" xfId="0" applyFont="1" applyBorder="1">
      <alignment vertical="center"/>
    </xf>
    <xf numFmtId="0" fontId="14" fillId="0" borderId="0" xfId="0" applyFont="1">
      <alignment vertical="center"/>
    </xf>
    <xf numFmtId="0" fontId="15" fillId="0" borderId="0" xfId="0" applyFont="1">
      <alignment vertical="center"/>
    </xf>
    <xf numFmtId="0" fontId="3" fillId="0" borderId="21" xfId="0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/>
    </xf>
    <xf numFmtId="178" fontId="3" fillId="0" borderId="8" xfId="0" applyNumberFormat="1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 wrapText="1"/>
    </xf>
    <xf numFmtId="176" fontId="8" fillId="0" borderId="8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1.xml"/><Relationship Id="rId26" Type="http://schemas.openxmlformats.org/officeDocument/2006/relationships/externalLink" Target="externalLinks/externalLink9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4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externalLink" Target="externalLinks/externalLink8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externalLink" Target="externalLinks/externalLink3.xml"/><Relationship Id="rId29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7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6.xml"/><Relationship Id="rId28" Type="http://schemas.openxmlformats.org/officeDocument/2006/relationships/externalLink" Target="externalLinks/externalLink11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2.xml"/><Relationship Id="rId31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5.xml"/><Relationship Id="rId27" Type="http://schemas.openxmlformats.org/officeDocument/2006/relationships/externalLink" Target="externalLinks/externalLink10.xml"/><Relationship Id="rId30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2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sankou1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sankou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3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4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5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6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7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8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9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&#20803;&#12487;&#12540;&#12479;/r4_hyou1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2"/>
    </sheetNames>
    <sheetDataSet>
      <sheetData sheetId="0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参考1"/>
    </sheetNames>
    <sheetDataSet>
      <sheetData sheetId="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参考2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3"/>
    </sheetNames>
    <sheetDataSet>
      <sheetData sheetId="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4"/>
    </sheetNames>
    <sheetDataSet>
      <sheetData sheetId="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5"/>
    </sheetNames>
    <sheetDataSet>
      <sheetData sheetId="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6"/>
    </sheet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7"/>
    </sheetNames>
    <sheetDataSet>
      <sheetData sheetId="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8-1"/>
      <sheetName val="表8-2"/>
      <sheetName val="表8-3"/>
      <sheetName val="表8-4"/>
      <sheetName val="表8-5"/>
      <sheetName val="表8-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9"/>
    </sheet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10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/>
  <dimension ref="A1:S87"/>
  <sheetViews>
    <sheetView tabSelected="1" view="pageBreakPreview" zoomScaleNormal="100" zoomScaleSheetLayoutView="100" workbookViewId="0">
      <selection activeCell="M1" sqref="M1"/>
    </sheetView>
  </sheetViews>
  <sheetFormatPr defaultRowHeight="14.25"/>
  <cols>
    <col min="1" max="1" width="1.75" style="1" customWidth="1"/>
    <col min="2" max="2" width="7.625" style="1" customWidth="1"/>
    <col min="3" max="3" width="1.25" style="1" customWidth="1"/>
    <col min="4" max="12" width="7.875" style="1" customWidth="1"/>
    <col min="13" max="19" width="6.875" style="1" customWidth="1"/>
  </cols>
  <sheetData>
    <row r="1" spans="1:19" ht="18.75" customHeight="1">
      <c r="A1" s="76" t="s">
        <v>0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</row>
    <row r="2" spans="1:19" ht="15" customHeight="1" thickBot="1">
      <c r="A2" s="77" t="s">
        <v>1</v>
      </c>
      <c r="B2" s="77"/>
      <c r="C2" s="77"/>
      <c r="K2" s="2"/>
      <c r="L2" s="2"/>
    </row>
    <row r="3" spans="1:19" ht="11.25" customHeight="1">
      <c r="A3" s="78" t="s">
        <v>2</v>
      </c>
      <c r="B3" s="79"/>
      <c r="C3" s="79"/>
      <c r="D3" s="84" t="s">
        <v>3</v>
      </c>
      <c r="E3" s="87" t="s">
        <v>4</v>
      </c>
      <c r="F3" s="3"/>
      <c r="G3" s="3"/>
      <c r="H3" s="3"/>
      <c r="I3" s="3"/>
      <c r="J3" s="4"/>
      <c r="K3" s="90" t="s">
        <v>5</v>
      </c>
      <c r="L3" s="93" t="s">
        <v>6</v>
      </c>
    </row>
    <row r="4" spans="1:19" ht="15" customHeight="1">
      <c r="A4" s="80"/>
      <c r="B4" s="81"/>
      <c r="C4" s="81"/>
      <c r="D4" s="85"/>
      <c r="E4" s="88"/>
      <c r="F4" s="5"/>
      <c r="G4" s="96" t="s">
        <v>7</v>
      </c>
      <c r="H4" s="97"/>
      <c r="I4" s="96" t="s">
        <v>8</v>
      </c>
      <c r="J4" s="97"/>
      <c r="K4" s="91"/>
      <c r="L4" s="94"/>
    </row>
    <row r="5" spans="1:19" ht="15" customHeight="1">
      <c r="A5" s="82"/>
      <c r="B5" s="83"/>
      <c r="C5" s="83"/>
      <c r="D5" s="86"/>
      <c r="E5" s="89"/>
      <c r="F5" s="6" t="s">
        <v>9</v>
      </c>
      <c r="G5" s="7"/>
      <c r="H5" s="7" t="s">
        <v>9</v>
      </c>
      <c r="I5" s="7"/>
      <c r="J5" s="7" t="s">
        <v>9</v>
      </c>
      <c r="K5" s="92"/>
      <c r="L5" s="95"/>
    </row>
    <row r="6" spans="1:19" ht="10.5" customHeight="1">
      <c r="A6" s="8"/>
      <c r="B6" s="9"/>
      <c r="C6" s="10"/>
      <c r="D6" s="11" t="s">
        <v>10</v>
      </c>
      <c r="E6" s="11" t="s">
        <v>10</v>
      </c>
      <c r="F6" s="10" t="s">
        <v>11</v>
      </c>
      <c r="G6" s="11" t="s">
        <v>10</v>
      </c>
      <c r="H6" s="10" t="s">
        <v>11</v>
      </c>
      <c r="I6" s="11" t="s">
        <v>10</v>
      </c>
      <c r="J6" s="12" t="s">
        <v>11</v>
      </c>
      <c r="K6" s="10" t="s">
        <v>12</v>
      </c>
      <c r="L6" s="13" t="s">
        <v>10</v>
      </c>
    </row>
    <row r="7" spans="1:19" ht="11.25" customHeight="1">
      <c r="A7" s="14"/>
      <c r="B7" s="15" t="s">
        <v>15</v>
      </c>
      <c r="C7" s="16"/>
      <c r="D7" s="17">
        <v>9227901</v>
      </c>
      <c r="E7" s="18" t="s">
        <v>13</v>
      </c>
      <c r="F7" s="19" t="s">
        <v>13</v>
      </c>
      <c r="G7" s="18" t="s">
        <v>13</v>
      </c>
      <c r="H7" s="19" t="s">
        <v>13</v>
      </c>
      <c r="I7" s="18" t="s">
        <v>13</v>
      </c>
      <c r="J7" s="19" t="s">
        <v>13</v>
      </c>
      <c r="K7" s="20">
        <v>4310944</v>
      </c>
      <c r="L7" s="21">
        <v>2.1405754748843875</v>
      </c>
    </row>
    <row r="8" spans="1:19" s="30" customFormat="1" ht="11.25" customHeight="1">
      <c r="A8" s="22"/>
      <c r="B8" s="23">
        <v>4</v>
      </c>
      <c r="C8" s="24"/>
      <c r="D8" s="25">
        <v>9231177</v>
      </c>
      <c r="E8" s="25">
        <v>-3276</v>
      </c>
      <c r="F8" s="26">
        <v>-3.5488432298503216E-2</v>
      </c>
      <c r="G8" s="25">
        <v>-40970</v>
      </c>
      <c r="H8" s="26">
        <v>-0.44382206082712966</v>
      </c>
      <c r="I8" s="25">
        <v>37694</v>
      </c>
      <c r="J8" s="26">
        <v>0.40833362852862642</v>
      </c>
      <c r="K8" s="27">
        <v>4266757</v>
      </c>
      <c r="L8" s="28">
        <v>2.1635113037841154</v>
      </c>
      <c r="M8" s="29"/>
      <c r="N8" s="29"/>
      <c r="O8" s="29"/>
      <c r="P8" s="29"/>
      <c r="Q8" s="29"/>
      <c r="R8" s="29"/>
      <c r="S8" s="29"/>
    </row>
    <row r="9" spans="1:19" s="30" customFormat="1" ht="11.25" customHeight="1">
      <c r="A9" s="31"/>
      <c r="B9" s="23">
        <v>3</v>
      </c>
      <c r="C9" s="32"/>
      <c r="D9" s="33">
        <v>9236337</v>
      </c>
      <c r="E9" s="33">
        <v>-5160</v>
      </c>
      <c r="F9" s="34">
        <v>-5.5866302842782808E-2</v>
      </c>
      <c r="G9" s="33">
        <v>-29983</v>
      </c>
      <c r="H9" s="34">
        <v>-0.3246200306463482</v>
      </c>
      <c r="I9" s="33">
        <v>24823</v>
      </c>
      <c r="J9" s="34">
        <v>0.26875372780356543</v>
      </c>
      <c r="K9" s="35">
        <v>4228524</v>
      </c>
      <c r="L9" s="36">
        <v>2.1842933846420167</v>
      </c>
      <c r="M9" s="29"/>
      <c r="N9" s="29"/>
      <c r="O9" s="29"/>
      <c r="P9" s="29"/>
      <c r="Q9" s="29"/>
      <c r="R9" s="29"/>
      <c r="S9" s="29"/>
    </row>
    <row r="10" spans="1:19" ht="6" customHeight="1">
      <c r="A10" s="37"/>
      <c r="B10" s="38"/>
      <c r="C10" s="39"/>
      <c r="D10" s="40"/>
      <c r="E10" s="40"/>
      <c r="F10" s="41"/>
      <c r="G10" s="40"/>
      <c r="H10" s="41"/>
      <c r="I10" s="40"/>
      <c r="J10" s="41"/>
      <c r="K10" s="42"/>
      <c r="L10" s="43"/>
    </row>
    <row r="11" spans="1:19" ht="11.25" customHeight="1">
      <c r="A11" s="44"/>
      <c r="B11" s="45" t="s">
        <v>16</v>
      </c>
      <c r="C11" s="46"/>
      <c r="D11" s="47">
        <v>9201825</v>
      </c>
      <c r="E11" s="47">
        <v>34512</v>
      </c>
      <c r="F11" s="48">
        <v>0.37505603507999774</v>
      </c>
      <c r="G11" s="47">
        <v>-22407</v>
      </c>
      <c r="H11" s="48">
        <v>-0.24350604363808265</v>
      </c>
      <c r="I11" s="47">
        <v>56919</v>
      </c>
      <c r="J11" s="48">
        <v>0.61856207871808044</v>
      </c>
      <c r="K11" s="49">
        <v>4170235</v>
      </c>
      <c r="L11" s="50">
        <v>2.2065483120255811</v>
      </c>
    </row>
    <row r="12" spans="1:19" ht="11.25" customHeight="1">
      <c r="A12" s="37"/>
      <c r="B12" s="38" t="s">
        <v>17</v>
      </c>
      <c r="C12" s="39"/>
      <c r="D12" s="40">
        <v>9181625</v>
      </c>
      <c r="E12" s="40">
        <v>20200</v>
      </c>
      <c r="F12" s="41">
        <v>0.22000462881025962</v>
      </c>
      <c r="G12" s="40">
        <v>-19600</v>
      </c>
      <c r="H12" s="41">
        <v>-0.21346983785549942</v>
      </c>
      <c r="I12" s="40">
        <v>39800</v>
      </c>
      <c r="J12" s="41">
        <v>0.43347446666575906</v>
      </c>
      <c r="K12" s="42">
        <v>4118341</v>
      </c>
      <c r="L12" s="43">
        <v>2.2294474886853712</v>
      </c>
    </row>
    <row r="13" spans="1:19" ht="11.25" customHeight="1">
      <c r="A13" s="37"/>
      <c r="B13" s="38">
        <v>30</v>
      </c>
      <c r="C13" s="39"/>
      <c r="D13" s="40">
        <v>9163279</v>
      </c>
      <c r="E13" s="40">
        <v>18346</v>
      </c>
      <c r="F13" s="41">
        <v>0.20021217295686403</v>
      </c>
      <c r="G13" s="40">
        <v>-14771</v>
      </c>
      <c r="H13" s="41">
        <v>-0.16119775464656266</v>
      </c>
      <c r="I13" s="40">
        <v>33117</v>
      </c>
      <c r="J13" s="41">
        <v>0.36140992760342666</v>
      </c>
      <c r="K13" s="42">
        <v>4070843</v>
      </c>
      <c r="L13" s="43">
        <v>2.2509536722492123</v>
      </c>
    </row>
    <row r="14" spans="1:19" ht="11.25" customHeight="1">
      <c r="A14" s="37"/>
      <c r="B14" s="38">
        <v>29</v>
      </c>
      <c r="C14" s="39"/>
      <c r="D14" s="40">
        <v>9147400</v>
      </c>
      <c r="E14" s="40">
        <v>15879</v>
      </c>
      <c r="F14" s="41">
        <v>0.17359030981481077</v>
      </c>
      <c r="G14" s="40">
        <v>-11083</v>
      </c>
      <c r="H14" s="41">
        <v>-0.1211601110698122</v>
      </c>
      <c r="I14" s="40">
        <v>26962</v>
      </c>
      <c r="J14" s="41">
        <v>0.29475042088462294</v>
      </c>
      <c r="K14" s="42">
        <v>4026195</v>
      </c>
      <c r="L14" s="43">
        <v>2.2719714271166698</v>
      </c>
    </row>
    <row r="15" spans="1:19" ht="11.25" customHeight="1">
      <c r="A15" s="37"/>
      <c r="B15" s="38">
        <v>28</v>
      </c>
      <c r="C15" s="39"/>
      <c r="D15" s="40">
        <v>9128037</v>
      </c>
      <c r="E15" s="40">
        <v>19363</v>
      </c>
      <c r="F15" s="41">
        <v>0.21212665987221566</v>
      </c>
      <c r="G15" s="40">
        <v>-5354</v>
      </c>
      <c r="H15" s="41">
        <v>-5.8654451115831362E-2</v>
      </c>
      <c r="I15" s="40">
        <v>24717</v>
      </c>
      <c r="J15" s="41">
        <v>0.27078111098804708</v>
      </c>
      <c r="K15" s="42">
        <v>3983551</v>
      </c>
      <c r="L15" s="43">
        <v>2.2914321920316825</v>
      </c>
    </row>
    <row r="16" spans="1:19" ht="6" customHeight="1">
      <c r="A16" s="37"/>
      <c r="B16" s="38"/>
      <c r="C16" s="39"/>
      <c r="D16" s="40"/>
      <c r="E16" s="40"/>
      <c r="F16" s="41"/>
      <c r="G16" s="40"/>
      <c r="H16" s="41"/>
      <c r="I16" s="40"/>
      <c r="J16" s="41"/>
      <c r="K16" s="42"/>
      <c r="L16" s="43"/>
    </row>
    <row r="17" spans="1:12" ht="11.25" customHeight="1">
      <c r="A17" s="44"/>
      <c r="B17" s="45" t="s">
        <v>18</v>
      </c>
      <c r="C17" s="46"/>
      <c r="D17" s="47">
        <v>9100346</v>
      </c>
      <c r="E17" s="47">
        <v>27691</v>
      </c>
      <c r="F17" s="48">
        <v>0.30428513377403454</v>
      </c>
      <c r="G17" s="47">
        <v>-1492</v>
      </c>
      <c r="H17" s="48">
        <v>-1.6394981025996153E-2</v>
      </c>
      <c r="I17" s="47">
        <v>29183</v>
      </c>
      <c r="J17" s="48">
        <v>0.32068011480003067</v>
      </c>
      <c r="K17" s="49">
        <v>3973785</v>
      </c>
      <c r="L17" s="50">
        <v>2.2900952114923179</v>
      </c>
    </row>
    <row r="18" spans="1:12" ht="11.25" customHeight="1">
      <c r="A18" s="37"/>
      <c r="B18" s="38">
        <v>26</v>
      </c>
      <c r="C18" s="39"/>
      <c r="D18" s="40">
        <v>9083839</v>
      </c>
      <c r="E18" s="40">
        <v>16507</v>
      </c>
      <c r="F18" s="41">
        <v>0.181718324157881</v>
      </c>
      <c r="G18" s="40">
        <v>-285</v>
      </c>
      <c r="H18" s="41">
        <v>-3.1374400184767696E-3</v>
      </c>
      <c r="I18" s="40">
        <v>16792</v>
      </c>
      <c r="J18" s="41">
        <v>0.1848557641763576</v>
      </c>
      <c r="K18" s="42">
        <v>3936952</v>
      </c>
      <c r="L18" s="43">
        <v>2.3073278515968698</v>
      </c>
    </row>
    <row r="19" spans="1:12" s="1" customFormat="1" ht="11.25" customHeight="1">
      <c r="A19" s="37"/>
      <c r="B19" s="38">
        <v>25</v>
      </c>
      <c r="C19" s="39"/>
      <c r="D19" s="40">
        <v>9072533</v>
      </c>
      <c r="E19" s="40">
        <v>11306</v>
      </c>
      <c r="F19" s="41">
        <v>0.12461789888226363</v>
      </c>
      <c r="G19" s="40">
        <v>2111</v>
      </c>
      <c r="H19" s="41">
        <v>2.3268033304480677E-2</v>
      </c>
      <c r="I19" s="40">
        <v>9195</v>
      </c>
      <c r="J19" s="41">
        <v>0.10134986557778297</v>
      </c>
      <c r="K19" s="42">
        <v>3906589</v>
      </c>
      <c r="L19" s="43">
        <v>2.3223669037106283</v>
      </c>
    </row>
    <row r="20" spans="1:12" s="1" customFormat="1" ht="11.25" customHeight="1">
      <c r="A20" s="37"/>
      <c r="B20" s="38">
        <v>24</v>
      </c>
      <c r="C20" s="39"/>
      <c r="D20" s="40">
        <v>9060257</v>
      </c>
      <c r="E20" s="40">
        <v>12276</v>
      </c>
      <c r="F20" s="41">
        <v>0.13549284529125388</v>
      </c>
      <c r="G20" s="40">
        <v>4625</v>
      </c>
      <c r="H20" s="41">
        <v>5.1047117096126519E-2</v>
      </c>
      <c r="I20" s="40">
        <v>7651</v>
      </c>
      <c r="J20" s="41">
        <v>8.4445728195127356E-2</v>
      </c>
      <c r="K20" s="42">
        <v>3876258</v>
      </c>
      <c r="L20" s="43">
        <v>2.3373720221925374</v>
      </c>
    </row>
    <row r="21" spans="1:12" s="1" customFormat="1" ht="11.25" customHeight="1">
      <c r="A21" s="37"/>
      <c r="B21" s="38">
        <v>23</v>
      </c>
      <c r="C21" s="39"/>
      <c r="D21" s="40">
        <v>9051028</v>
      </c>
      <c r="E21" s="40">
        <v>9229</v>
      </c>
      <c r="F21" s="41">
        <v>0.101966318080112</v>
      </c>
      <c r="G21" s="40">
        <v>5970</v>
      </c>
      <c r="H21" s="41">
        <v>6.5959358428677936E-2</v>
      </c>
      <c r="I21" s="40">
        <v>3259</v>
      </c>
      <c r="J21" s="41">
        <v>3.6006959651434071E-2</v>
      </c>
      <c r="K21" s="42">
        <v>3847543</v>
      </c>
      <c r="L21" s="43">
        <v>2.3524176337990244</v>
      </c>
    </row>
    <row r="22" spans="1:12" s="1" customFormat="1" ht="6" customHeight="1">
      <c r="A22" s="37"/>
      <c r="B22" s="38"/>
      <c r="C22" s="39"/>
      <c r="D22" s="40"/>
      <c r="E22" s="40"/>
      <c r="F22" s="41"/>
      <c r="G22" s="40"/>
      <c r="H22" s="41"/>
      <c r="I22" s="40"/>
      <c r="J22" s="41"/>
      <c r="K22" s="42"/>
      <c r="L22" s="43"/>
    </row>
    <row r="23" spans="1:12" s="1" customFormat="1" ht="11.25" customHeight="1">
      <c r="A23" s="44"/>
      <c r="B23" s="45" t="s">
        <v>19</v>
      </c>
      <c r="C23" s="46"/>
      <c r="D23" s="47">
        <v>9008132</v>
      </c>
      <c r="E23" s="47">
        <v>42896</v>
      </c>
      <c r="F23" s="48">
        <v>0.47619195633456529</v>
      </c>
      <c r="G23" s="47">
        <v>11519</v>
      </c>
      <c r="H23" s="48">
        <v>0.127873348214702</v>
      </c>
      <c r="I23" s="47">
        <v>31377</v>
      </c>
      <c r="J23" s="48">
        <v>0.34831860811986326</v>
      </c>
      <c r="K23" s="49">
        <v>3830842</v>
      </c>
      <c r="L23" s="50">
        <v>2.351475733011176</v>
      </c>
    </row>
    <row r="24" spans="1:12" s="1" customFormat="1" ht="11.25" customHeight="1">
      <c r="A24" s="37"/>
      <c r="B24" s="38">
        <v>21</v>
      </c>
      <c r="C24" s="39"/>
      <c r="D24" s="40">
        <v>8965352</v>
      </c>
      <c r="E24" s="40">
        <v>42780</v>
      </c>
      <c r="F24" s="41">
        <v>0.47717033307783124</v>
      </c>
      <c r="G24" s="40">
        <v>15296</v>
      </c>
      <c r="H24" s="41">
        <v>0.17061237528654757</v>
      </c>
      <c r="I24" s="40">
        <v>27484</v>
      </c>
      <c r="J24" s="41">
        <v>0.30655795779128364</v>
      </c>
      <c r="K24" s="42">
        <v>3784887</v>
      </c>
      <c r="L24" s="43">
        <v>2.3687238218736781</v>
      </c>
    </row>
    <row r="25" spans="1:12" s="1" customFormat="1" ht="11.25" customHeight="1">
      <c r="A25" s="37"/>
      <c r="B25" s="38">
        <v>20</v>
      </c>
      <c r="C25" s="39"/>
      <c r="D25" s="40">
        <v>8910256</v>
      </c>
      <c r="E25" s="40">
        <v>55096</v>
      </c>
      <c r="F25" s="41">
        <v>0.61834362559280009</v>
      </c>
      <c r="G25" s="40">
        <v>16427</v>
      </c>
      <c r="H25" s="41">
        <v>0.1843605840281132</v>
      </c>
      <c r="I25" s="40">
        <v>38669</v>
      </c>
      <c r="J25" s="41">
        <v>0.43398304156468681</v>
      </c>
      <c r="K25" s="42">
        <v>3725988</v>
      </c>
      <c r="L25" s="43">
        <v>2.3913807559229929</v>
      </c>
    </row>
    <row r="26" spans="1:12" s="1" customFormat="1" ht="11.25" customHeight="1">
      <c r="A26" s="37"/>
      <c r="B26" s="38">
        <v>19</v>
      </c>
      <c r="C26" s="39"/>
      <c r="D26" s="40">
        <v>8848166</v>
      </c>
      <c r="E26" s="40">
        <v>62090</v>
      </c>
      <c r="F26" s="41">
        <v>0.70172734101055523</v>
      </c>
      <c r="G26" s="40">
        <v>19192</v>
      </c>
      <c r="H26" s="41">
        <v>0.21690370637259745</v>
      </c>
      <c r="I26" s="40">
        <v>42898</v>
      </c>
      <c r="J26" s="41">
        <v>0.48482363463795775</v>
      </c>
      <c r="K26" s="42">
        <v>3660554</v>
      </c>
      <c r="L26" s="43">
        <v>2.4171658169774304</v>
      </c>
    </row>
    <row r="27" spans="1:12" s="1" customFormat="1" ht="11.25" customHeight="1">
      <c r="A27" s="37"/>
      <c r="B27" s="38">
        <v>18</v>
      </c>
      <c r="C27" s="39"/>
      <c r="D27" s="40">
        <v>8801632</v>
      </c>
      <c r="E27" s="40">
        <v>46534</v>
      </c>
      <c r="F27" s="41">
        <v>0.52869740520848862</v>
      </c>
      <c r="G27" s="40">
        <v>20836</v>
      </c>
      <c r="H27" s="41">
        <v>0.23672882483612132</v>
      </c>
      <c r="I27" s="40">
        <v>25698</v>
      </c>
      <c r="J27" s="41">
        <v>0.29196858037236734</v>
      </c>
      <c r="K27" s="42">
        <v>3601257</v>
      </c>
      <c r="L27" s="43">
        <v>2.4440443989418141</v>
      </c>
    </row>
    <row r="28" spans="1:12" s="1" customFormat="1" ht="6" customHeight="1">
      <c r="A28" s="37"/>
      <c r="B28" s="38"/>
      <c r="C28" s="39"/>
      <c r="D28" s="40"/>
      <c r="E28" s="40"/>
      <c r="F28" s="41"/>
      <c r="G28" s="40"/>
      <c r="H28" s="41"/>
      <c r="I28" s="40"/>
      <c r="J28" s="41"/>
      <c r="K28" s="42"/>
      <c r="L28" s="43"/>
    </row>
    <row r="29" spans="1:12" s="1" customFormat="1" ht="11.25" customHeight="1">
      <c r="A29" s="44"/>
      <c r="B29" s="45" t="s">
        <v>20</v>
      </c>
      <c r="C29" s="46"/>
      <c r="D29" s="47">
        <v>8748731</v>
      </c>
      <c r="E29" s="47">
        <v>52901</v>
      </c>
      <c r="F29" s="48">
        <v>0.60467055164914774</v>
      </c>
      <c r="G29" s="47">
        <v>18418</v>
      </c>
      <c r="H29" s="48">
        <v>0.21052196027058095</v>
      </c>
      <c r="I29" s="47">
        <v>34483</v>
      </c>
      <c r="J29" s="48">
        <v>0.39414859137856678</v>
      </c>
      <c r="K29" s="49">
        <v>3599414</v>
      </c>
      <c r="L29" s="50">
        <v>2.4305987030111011</v>
      </c>
    </row>
    <row r="30" spans="1:12" s="1" customFormat="1" ht="11.25" customHeight="1">
      <c r="A30" s="37"/>
      <c r="B30" s="38">
        <v>16</v>
      </c>
      <c r="C30" s="39"/>
      <c r="D30" s="40">
        <v>8697720</v>
      </c>
      <c r="E30" s="40">
        <v>51011</v>
      </c>
      <c r="F30" s="41">
        <v>0.58648703338346142</v>
      </c>
      <c r="G30" s="40">
        <v>25047</v>
      </c>
      <c r="H30" s="41">
        <v>0.2879720202535837</v>
      </c>
      <c r="I30" s="40">
        <v>25964</v>
      </c>
      <c r="J30" s="41">
        <v>0.29851501312987772</v>
      </c>
      <c r="K30" s="42">
        <v>3546393</v>
      </c>
      <c r="L30" s="43">
        <v>2.4525539047702836</v>
      </c>
    </row>
    <row r="31" spans="1:12" s="1" customFormat="1" ht="11.25" customHeight="1">
      <c r="A31" s="37"/>
      <c r="B31" s="38">
        <v>15</v>
      </c>
      <c r="C31" s="39"/>
      <c r="D31" s="40">
        <v>8639665</v>
      </c>
      <c r="E31" s="40">
        <v>58055</v>
      </c>
      <c r="F31" s="41">
        <v>0.67195892433329296</v>
      </c>
      <c r="G31" s="40">
        <v>26314</v>
      </c>
      <c r="H31" s="41">
        <v>0.30457199440024585</v>
      </c>
      <c r="I31" s="40">
        <v>31741</v>
      </c>
      <c r="J31" s="41">
        <v>0.36738692993304717</v>
      </c>
      <c r="K31" s="42">
        <v>3485990</v>
      </c>
      <c r="L31" s="43">
        <v>2.4783963809419993</v>
      </c>
    </row>
    <row r="32" spans="1:12" s="1" customFormat="1" ht="11.25" customHeight="1">
      <c r="A32" s="37"/>
      <c r="B32" s="38">
        <v>14</v>
      </c>
      <c r="C32" s="39"/>
      <c r="D32" s="40">
        <v>8575372</v>
      </c>
      <c r="E32" s="40">
        <v>64293</v>
      </c>
      <c r="F32" s="41">
        <v>0.74974006958531936</v>
      </c>
      <c r="G32" s="40">
        <v>29182</v>
      </c>
      <c r="H32" s="41">
        <v>0.34030010593126458</v>
      </c>
      <c r="I32" s="40">
        <v>35111</v>
      </c>
      <c r="J32" s="41">
        <v>0.40943996365405488</v>
      </c>
      <c r="K32" s="42">
        <v>3422568</v>
      </c>
      <c r="L32" s="43">
        <v>2.5055373625885591</v>
      </c>
    </row>
    <row r="33" spans="1:12" s="1" customFormat="1" ht="11.25" customHeight="1">
      <c r="A33" s="37"/>
      <c r="B33" s="38">
        <v>13</v>
      </c>
      <c r="C33" s="39"/>
      <c r="D33" s="40">
        <v>8503498</v>
      </c>
      <c r="E33" s="40">
        <v>71874</v>
      </c>
      <c r="F33" s="41">
        <v>0.84522863414561855</v>
      </c>
      <c r="G33" s="40">
        <v>30898</v>
      </c>
      <c r="H33" s="41">
        <v>0.36335635052774751</v>
      </c>
      <c r="I33" s="40">
        <v>40976</v>
      </c>
      <c r="J33" s="41">
        <v>0.48187228361787116</v>
      </c>
      <c r="K33" s="42">
        <v>3351726</v>
      </c>
      <c r="L33" s="43">
        <v>2.537050462955504</v>
      </c>
    </row>
    <row r="34" spans="1:12" s="1" customFormat="1" ht="6" customHeight="1">
      <c r="A34" s="37"/>
      <c r="B34" s="38"/>
      <c r="C34" s="39"/>
      <c r="D34" s="40"/>
      <c r="E34" s="40"/>
      <c r="F34" s="41"/>
      <c r="G34" s="40"/>
      <c r="H34" s="41"/>
      <c r="I34" s="40"/>
      <c r="J34" s="41"/>
      <c r="K34" s="42"/>
      <c r="L34" s="43"/>
    </row>
    <row r="35" spans="1:12" s="1" customFormat="1" ht="11.25" customHeight="1">
      <c r="A35" s="44"/>
      <c r="B35" s="45" t="s">
        <v>21</v>
      </c>
      <c r="C35" s="46"/>
      <c r="D35" s="47">
        <v>8446174</v>
      </c>
      <c r="E35" s="47">
        <v>57324</v>
      </c>
      <c r="F35" s="48">
        <v>0.67869783407256357</v>
      </c>
      <c r="G35" s="47">
        <v>33217</v>
      </c>
      <c r="H35" s="48">
        <v>0.39327866084691127</v>
      </c>
      <c r="I35" s="47">
        <v>24107</v>
      </c>
      <c r="J35" s="48">
        <v>0.28541917322565225</v>
      </c>
      <c r="K35" s="49">
        <v>3309457</v>
      </c>
      <c r="L35" s="50">
        <v>2.5521328725528085</v>
      </c>
    </row>
    <row r="36" spans="1:12" s="1" customFormat="1" ht="11.25" customHeight="1">
      <c r="A36" s="37"/>
      <c r="B36" s="38">
        <v>11</v>
      </c>
      <c r="C36" s="39"/>
      <c r="D36" s="40">
        <v>8398336</v>
      </c>
      <c r="E36" s="40">
        <v>47838</v>
      </c>
      <c r="F36" s="41">
        <v>0.5696128375906846</v>
      </c>
      <c r="G36" s="40">
        <v>31408</v>
      </c>
      <c r="H36" s="41">
        <v>0.37397884533317077</v>
      </c>
      <c r="I36" s="40">
        <v>16430</v>
      </c>
      <c r="J36" s="41">
        <v>0.19563399225751388</v>
      </c>
      <c r="K36" s="42">
        <v>3256672</v>
      </c>
      <c r="L36" s="43">
        <v>2.5788092875180553</v>
      </c>
    </row>
    <row r="37" spans="1:12" s="1" customFormat="1" ht="11.25" customHeight="1">
      <c r="A37" s="37"/>
      <c r="B37" s="38">
        <v>10</v>
      </c>
      <c r="C37" s="39"/>
      <c r="D37" s="40">
        <v>8340837</v>
      </c>
      <c r="E37" s="40">
        <v>57499</v>
      </c>
      <c r="F37" s="41">
        <v>0.68936726613887789</v>
      </c>
      <c r="G37" s="40">
        <v>34626</v>
      </c>
      <c r="H37" s="41">
        <v>0.41513819296552618</v>
      </c>
      <c r="I37" s="40">
        <v>22873</v>
      </c>
      <c r="J37" s="41">
        <v>0.27422907317335182</v>
      </c>
      <c r="K37" s="42">
        <v>3197808</v>
      </c>
      <c r="L37" s="43">
        <v>2.6082982467990572</v>
      </c>
    </row>
    <row r="38" spans="1:12" s="1" customFormat="1" ht="11.25" customHeight="1">
      <c r="A38" s="37"/>
      <c r="B38" s="38">
        <v>9</v>
      </c>
      <c r="C38" s="39"/>
      <c r="D38" s="40">
        <v>8295504</v>
      </c>
      <c r="E38" s="40">
        <v>45333</v>
      </c>
      <c r="F38" s="41">
        <v>0.54647674210029917</v>
      </c>
      <c r="G38" s="40">
        <v>35197</v>
      </c>
      <c r="H38" s="41">
        <v>0.42429007327342622</v>
      </c>
      <c r="I38" s="40">
        <v>10136</v>
      </c>
      <c r="J38" s="41">
        <v>0.12218666882687296</v>
      </c>
      <c r="K38" s="42">
        <v>3147465</v>
      </c>
      <c r="L38" s="43">
        <v>2.6356143753782808</v>
      </c>
    </row>
    <row r="39" spans="1:12" s="1" customFormat="1" ht="11.25" customHeight="1">
      <c r="A39" s="37"/>
      <c r="B39" s="38">
        <v>8</v>
      </c>
      <c r="C39" s="39"/>
      <c r="D39" s="40">
        <v>8252665</v>
      </c>
      <c r="E39" s="40">
        <v>42839</v>
      </c>
      <c r="F39" s="41">
        <v>0.51909292331628631</v>
      </c>
      <c r="G39" s="40">
        <v>36959</v>
      </c>
      <c r="H39" s="41">
        <v>0.44784321185944176</v>
      </c>
      <c r="I39" s="40">
        <v>5880</v>
      </c>
      <c r="J39" s="41">
        <v>7.1249711456844542E-2</v>
      </c>
      <c r="K39" s="42">
        <v>3099841</v>
      </c>
      <c r="L39" s="43">
        <v>2.6622865495359278</v>
      </c>
    </row>
    <row r="40" spans="1:12" s="1" customFormat="1" ht="6" customHeight="1">
      <c r="A40" s="37"/>
      <c r="B40" s="38"/>
      <c r="C40" s="39"/>
      <c r="D40" s="40"/>
      <c r="E40" s="40"/>
      <c r="F40" s="41"/>
      <c r="G40" s="40"/>
      <c r="H40" s="41"/>
      <c r="I40" s="40"/>
      <c r="J40" s="41"/>
      <c r="K40" s="42"/>
      <c r="L40" s="43"/>
    </row>
    <row r="41" spans="1:12" s="1" customFormat="1" ht="11.25" customHeight="1">
      <c r="A41" s="44"/>
      <c r="B41" s="45" t="s">
        <v>22</v>
      </c>
      <c r="C41" s="46"/>
      <c r="D41" s="47">
        <v>8238840</v>
      </c>
      <c r="E41" s="47">
        <v>13825</v>
      </c>
      <c r="F41" s="48">
        <v>0.16780274893067471</v>
      </c>
      <c r="G41" s="47">
        <v>35304</v>
      </c>
      <c r="H41" s="48">
        <v>0.42850692573226329</v>
      </c>
      <c r="I41" s="47">
        <v>-21479</v>
      </c>
      <c r="J41" s="48">
        <v>-0.26070417680158858</v>
      </c>
      <c r="K41" s="49">
        <v>3078412</v>
      </c>
      <c r="L41" s="50">
        <v>2.6763279249171328</v>
      </c>
    </row>
    <row r="42" spans="1:12" s="1" customFormat="1" ht="11.25" customHeight="1">
      <c r="A42" s="37"/>
      <c r="B42" s="38">
        <v>6</v>
      </c>
      <c r="C42" s="39"/>
      <c r="D42" s="40">
        <v>8196872</v>
      </c>
      <c r="E42" s="40">
        <v>41968</v>
      </c>
      <c r="F42" s="41">
        <v>0.51200018738855502</v>
      </c>
      <c r="G42" s="40">
        <v>40246</v>
      </c>
      <c r="H42" s="41">
        <v>0.49099217359988057</v>
      </c>
      <c r="I42" s="40">
        <v>1722</v>
      </c>
      <c r="J42" s="41">
        <v>2.100801378867451E-2</v>
      </c>
      <c r="K42" s="42">
        <v>3038443</v>
      </c>
      <c r="L42" s="43">
        <v>2.6977211683747235</v>
      </c>
    </row>
    <row r="43" spans="1:12" s="1" customFormat="1" ht="11.25" customHeight="1">
      <c r="A43" s="37"/>
      <c r="B43" s="38">
        <v>5</v>
      </c>
      <c r="C43" s="39"/>
      <c r="D43" s="40">
        <v>8148512</v>
      </c>
      <c r="E43" s="40">
        <v>48360</v>
      </c>
      <c r="F43" s="41">
        <v>0.59348258921383434</v>
      </c>
      <c r="G43" s="40">
        <v>36360</v>
      </c>
      <c r="H43" s="41">
        <v>0.4462164380441484</v>
      </c>
      <c r="I43" s="40">
        <v>12000</v>
      </c>
      <c r="J43" s="41">
        <v>0.14726615116968594</v>
      </c>
      <c r="K43" s="42">
        <v>2988585</v>
      </c>
      <c r="L43" s="43">
        <v>2.7265451710424835</v>
      </c>
    </row>
    <row r="44" spans="1:12" s="1" customFormat="1" ht="11.25" customHeight="1">
      <c r="A44" s="37"/>
      <c r="B44" s="38">
        <v>4</v>
      </c>
      <c r="C44" s="39"/>
      <c r="D44" s="40">
        <v>8084849</v>
      </c>
      <c r="E44" s="40">
        <v>63663</v>
      </c>
      <c r="F44" s="41">
        <v>0.78743585687252782</v>
      </c>
      <c r="G44" s="40">
        <v>38388</v>
      </c>
      <c r="H44" s="41">
        <v>0.47481406269925391</v>
      </c>
      <c r="I44" s="40">
        <v>25275</v>
      </c>
      <c r="J44" s="41">
        <v>0.31262179417327396</v>
      </c>
      <c r="K44" s="42">
        <v>2928160</v>
      </c>
      <c r="L44" s="43">
        <v>2.7610680427299057</v>
      </c>
    </row>
    <row r="45" spans="1:12" s="1" customFormat="1" ht="11.25" customHeight="1">
      <c r="A45" s="37"/>
      <c r="B45" s="38">
        <v>3</v>
      </c>
      <c r="C45" s="39"/>
      <c r="D45" s="40">
        <v>7998747</v>
      </c>
      <c r="E45" s="40">
        <v>86102</v>
      </c>
      <c r="F45" s="41">
        <v>1.0764435979785334</v>
      </c>
      <c r="G45" s="40">
        <v>40921</v>
      </c>
      <c r="H45" s="41">
        <v>0.51159262819539109</v>
      </c>
      <c r="I45" s="40">
        <v>45181</v>
      </c>
      <c r="J45" s="41">
        <v>0.56485096978314231</v>
      </c>
      <c r="K45" s="42">
        <v>2857755</v>
      </c>
      <c r="L45" s="43">
        <v>2.7989617724402547</v>
      </c>
    </row>
    <row r="46" spans="1:12" s="1" customFormat="1" ht="6" customHeight="1">
      <c r="A46" s="37"/>
      <c r="B46" s="38"/>
      <c r="C46" s="39"/>
      <c r="D46" s="40"/>
      <c r="E46" s="40"/>
      <c r="F46" s="41"/>
      <c r="G46" s="40"/>
      <c r="H46" s="41"/>
      <c r="I46" s="40"/>
      <c r="J46" s="41"/>
      <c r="K46" s="42"/>
      <c r="L46" s="43"/>
    </row>
    <row r="47" spans="1:12" s="1" customFormat="1" ht="11.25" customHeight="1">
      <c r="A47" s="44"/>
      <c r="B47" s="45" t="s">
        <v>23</v>
      </c>
      <c r="C47" s="46"/>
      <c r="D47" s="47">
        <v>7910382</v>
      </c>
      <c r="E47" s="47">
        <v>88365</v>
      </c>
      <c r="F47" s="48">
        <v>1.1170762676189341</v>
      </c>
      <c r="G47" s="47">
        <v>39966</v>
      </c>
      <c r="H47" s="48">
        <v>0.50523476615920693</v>
      </c>
      <c r="I47" s="47">
        <v>48399</v>
      </c>
      <c r="J47" s="48">
        <v>0.61184150145972727</v>
      </c>
      <c r="K47" s="49">
        <v>2777380</v>
      </c>
      <c r="L47" s="50">
        <v>2.8481453744176166</v>
      </c>
    </row>
    <row r="48" spans="1:12" s="1" customFormat="1" ht="11.25" customHeight="1">
      <c r="A48" s="37"/>
      <c r="B48" s="38" t="s">
        <v>24</v>
      </c>
      <c r="C48" s="39"/>
      <c r="D48" s="40">
        <v>7810104</v>
      </c>
      <c r="E48" s="40">
        <v>100278</v>
      </c>
      <c r="F48" s="41">
        <v>1.2839521727239482</v>
      </c>
      <c r="G48" s="40">
        <v>42342</v>
      </c>
      <c r="H48" s="41">
        <v>0.54214386901890166</v>
      </c>
      <c r="I48" s="40">
        <v>57936</v>
      </c>
      <c r="J48" s="41">
        <v>0.74180830370504669</v>
      </c>
      <c r="K48" s="42">
        <v>2704986</v>
      </c>
      <c r="L48" s="43">
        <v>2.8872992318629374</v>
      </c>
    </row>
    <row r="49" spans="1:12" s="1" customFormat="1" ht="11.25" customHeight="1">
      <c r="A49" s="37"/>
      <c r="B49" s="38" t="s">
        <v>25</v>
      </c>
      <c r="C49" s="39"/>
      <c r="D49" s="40">
        <v>7701087</v>
      </c>
      <c r="E49" s="40">
        <v>109017</v>
      </c>
      <c r="F49" s="41">
        <v>1.4156053554517694</v>
      </c>
      <c r="G49" s="40">
        <v>47324</v>
      </c>
      <c r="H49" s="41">
        <v>0.6145106528467994</v>
      </c>
      <c r="I49" s="40">
        <v>61693</v>
      </c>
      <c r="J49" s="41">
        <v>0.80109470260496995</v>
      </c>
      <c r="K49" s="42">
        <v>2636591</v>
      </c>
      <c r="L49" s="43">
        <v>2.9208500673786721</v>
      </c>
    </row>
    <row r="50" spans="1:12" s="1" customFormat="1" ht="11.25" customHeight="1">
      <c r="A50" s="37"/>
      <c r="B50" s="38">
        <v>62</v>
      </c>
      <c r="C50" s="39"/>
      <c r="D50" s="40">
        <v>7572197</v>
      </c>
      <c r="E50" s="40">
        <v>128890</v>
      </c>
      <c r="F50" s="41">
        <v>1.7021480027527018</v>
      </c>
      <c r="G50" s="40">
        <v>48655</v>
      </c>
      <c r="H50" s="41">
        <v>0.64254799498745219</v>
      </c>
      <c r="I50" s="40">
        <v>80235</v>
      </c>
      <c r="J50" s="41">
        <v>1.0596000077652497</v>
      </c>
      <c r="K50" s="42">
        <v>2566064</v>
      </c>
      <c r="L50" s="43">
        <v>2.9508995099108986</v>
      </c>
    </row>
    <row r="51" spans="1:12" s="1" customFormat="1" ht="11.25" customHeight="1">
      <c r="A51" s="37"/>
      <c r="B51" s="38">
        <v>61</v>
      </c>
      <c r="C51" s="39"/>
      <c r="D51" s="40">
        <v>7452253</v>
      </c>
      <c r="E51" s="40">
        <v>119944</v>
      </c>
      <c r="F51" s="41">
        <v>1.6094998385052146</v>
      </c>
      <c r="G51" s="40">
        <v>49040</v>
      </c>
      <c r="H51" s="41">
        <v>0.65805602681497799</v>
      </c>
      <c r="I51" s="40">
        <v>70904</v>
      </c>
      <c r="J51" s="41">
        <v>0.95144381169023651</v>
      </c>
      <c r="K51" s="42">
        <v>2497481</v>
      </c>
      <c r="L51" s="43">
        <v>2.9839077854846545</v>
      </c>
    </row>
    <row r="52" spans="1:12" s="1" customFormat="1" ht="6" customHeight="1">
      <c r="A52" s="37"/>
      <c r="B52" s="38"/>
      <c r="C52" s="39"/>
      <c r="D52" s="40"/>
      <c r="E52" s="40"/>
      <c r="F52" s="41"/>
      <c r="G52" s="40"/>
      <c r="H52" s="41"/>
      <c r="I52" s="40"/>
      <c r="J52" s="41"/>
      <c r="K52" s="42"/>
      <c r="L52" s="43"/>
    </row>
    <row r="53" spans="1:12" s="1" customFormat="1" ht="11.25" customHeight="1">
      <c r="A53" s="44"/>
      <c r="B53" s="45" t="s">
        <v>26</v>
      </c>
      <c r="C53" s="46"/>
      <c r="D53" s="47">
        <v>7349993</v>
      </c>
      <c r="E53" s="47">
        <v>102260</v>
      </c>
      <c r="F53" s="48">
        <v>1.391293842048557</v>
      </c>
      <c r="G53" s="47">
        <v>52583</v>
      </c>
      <c r="H53" s="48">
        <v>0.71541564733463014</v>
      </c>
      <c r="I53" s="47">
        <v>49677</v>
      </c>
      <c r="J53" s="48">
        <v>0.67587819471392696</v>
      </c>
      <c r="K53" s="49">
        <v>2466824</v>
      </c>
      <c r="L53" s="50">
        <v>2.9795368457579463</v>
      </c>
    </row>
    <row r="54" spans="1:12" s="1" customFormat="1" ht="11.25" customHeight="1">
      <c r="A54" s="37"/>
      <c r="B54" s="38">
        <v>59</v>
      </c>
      <c r="C54" s="39"/>
      <c r="D54" s="40">
        <v>7248578</v>
      </c>
      <c r="E54" s="40">
        <v>101415</v>
      </c>
      <c r="F54" s="41">
        <v>1.3991020031791064</v>
      </c>
      <c r="G54" s="40">
        <v>55972</v>
      </c>
      <c r="H54" s="41">
        <v>0.77217903980615232</v>
      </c>
      <c r="I54" s="40">
        <v>45443</v>
      </c>
      <c r="J54" s="41">
        <v>0.62692296337295395</v>
      </c>
      <c r="K54" s="42">
        <v>2414153</v>
      </c>
      <c r="L54" s="43">
        <v>3.0025346363714314</v>
      </c>
    </row>
    <row r="55" spans="1:12" s="1" customFormat="1" ht="11.25" customHeight="1">
      <c r="A55" s="37"/>
      <c r="B55" s="38">
        <v>58</v>
      </c>
      <c r="C55" s="39"/>
      <c r="D55" s="40">
        <v>7148043</v>
      </c>
      <c r="E55" s="40">
        <v>100535</v>
      </c>
      <c r="F55" s="41">
        <v>1.4064688754670334</v>
      </c>
      <c r="G55" s="40">
        <v>58352</v>
      </c>
      <c r="H55" s="41">
        <v>0.816335324227904</v>
      </c>
      <c r="I55" s="40">
        <v>42183</v>
      </c>
      <c r="J55" s="41">
        <v>0.59013355123912936</v>
      </c>
      <c r="K55" s="42">
        <v>2362386</v>
      </c>
      <c r="L55" s="43">
        <v>3.025772672205135</v>
      </c>
    </row>
    <row r="56" spans="1:12" s="1" customFormat="1" ht="11.25" customHeight="1">
      <c r="A56" s="37"/>
      <c r="B56" s="38">
        <v>57</v>
      </c>
      <c r="C56" s="39"/>
      <c r="D56" s="40">
        <v>7044560</v>
      </c>
      <c r="E56" s="40">
        <v>103483</v>
      </c>
      <c r="F56" s="41">
        <v>1.468977480495588</v>
      </c>
      <c r="G56" s="40">
        <v>60339</v>
      </c>
      <c r="H56" s="41">
        <v>0.85653326822399123</v>
      </c>
      <c r="I56" s="40">
        <v>43144</v>
      </c>
      <c r="J56" s="41">
        <v>0.61244421227159684</v>
      </c>
      <c r="K56" s="42">
        <v>2310377</v>
      </c>
      <c r="L56" s="43">
        <v>3.0490954506558885</v>
      </c>
    </row>
    <row r="57" spans="1:12" s="1" customFormat="1" ht="11.25" customHeight="1">
      <c r="A57" s="37"/>
      <c r="B57" s="38">
        <v>56</v>
      </c>
      <c r="C57" s="39"/>
      <c r="D57" s="40">
        <v>6943574</v>
      </c>
      <c r="E57" s="40">
        <v>100986</v>
      </c>
      <c r="F57" s="41">
        <v>1.4543806978941969</v>
      </c>
      <c r="G57" s="40">
        <v>62127</v>
      </c>
      <c r="H57" s="41">
        <v>0.89474095040968826</v>
      </c>
      <c r="I57" s="40">
        <v>38859</v>
      </c>
      <c r="J57" s="41">
        <v>0.55963974748450873</v>
      </c>
      <c r="K57" s="42">
        <v>2264063</v>
      </c>
      <c r="L57" s="43">
        <v>3.0668643054543976</v>
      </c>
    </row>
    <row r="58" spans="1:12" s="1" customFormat="1" ht="6" customHeight="1">
      <c r="A58" s="37"/>
      <c r="B58" s="38"/>
      <c r="C58" s="39"/>
      <c r="D58" s="40"/>
      <c r="E58" s="40"/>
      <c r="F58" s="41"/>
      <c r="G58" s="40"/>
      <c r="H58" s="41"/>
      <c r="I58" s="40"/>
      <c r="J58" s="41"/>
      <c r="K58" s="42"/>
      <c r="L58" s="43"/>
    </row>
    <row r="59" spans="1:12" s="1" customFormat="1" ht="11.25" customHeight="1">
      <c r="A59" s="44"/>
      <c r="B59" s="45" t="s">
        <v>27</v>
      </c>
      <c r="C59" s="46"/>
      <c r="D59" s="47">
        <v>6857040</v>
      </c>
      <c r="E59" s="47">
        <v>86534</v>
      </c>
      <c r="F59" s="48">
        <v>1.2619730962631106</v>
      </c>
      <c r="G59" s="47">
        <v>64640</v>
      </c>
      <c r="H59" s="48">
        <v>0.94268080687876976</v>
      </c>
      <c r="I59" s="47">
        <v>21894</v>
      </c>
      <c r="J59" s="48">
        <v>0.31929228938434079</v>
      </c>
      <c r="K59" s="49">
        <v>2053145</v>
      </c>
      <c r="L59" s="50">
        <v>3.339773859128313</v>
      </c>
    </row>
    <row r="60" spans="1:12" s="1" customFormat="1" ht="11.25" customHeight="1">
      <c r="A60" s="37"/>
      <c r="B60" s="38">
        <v>54</v>
      </c>
      <c r="C60" s="39"/>
      <c r="D60" s="40">
        <v>6759223</v>
      </c>
      <c r="E60" s="40">
        <v>97817</v>
      </c>
      <c r="F60" s="41">
        <v>1.4471633795778005</v>
      </c>
      <c r="G60" s="40">
        <v>71989</v>
      </c>
      <c r="H60" s="41">
        <v>1.0650484530544413</v>
      </c>
      <c r="I60" s="40">
        <v>25828</v>
      </c>
      <c r="J60" s="41">
        <v>0.38211492652335927</v>
      </c>
      <c r="K60" s="42">
        <v>2019404</v>
      </c>
      <c r="L60" s="43">
        <v>3.3471375712834082</v>
      </c>
    </row>
    <row r="61" spans="1:12" s="1" customFormat="1" ht="11.25" customHeight="1">
      <c r="A61" s="37"/>
      <c r="B61" s="38">
        <v>53</v>
      </c>
      <c r="C61" s="39"/>
      <c r="D61" s="40">
        <v>6646694</v>
      </c>
      <c r="E61" s="40">
        <v>112529</v>
      </c>
      <c r="F61" s="41">
        <v>1.6930070799107046</v>
      </c>
      <c r="G61" s="40">
        <v>76221</v>
      </c>
      <c r="H61" s="41">
        <v>1.1467505499726631</v>
      </c>
      <c r="I61" s="40">
        <v>36308</v>
      </c>
      <c r="J61" s="41">
        <v>0.54625652993804141</v>
      </c>
      <c r="K61" s="42">
        <v>1982548</v>
      </c>
      <c r="L61" s="43">
        <v>3.3526018033359093</v>
      </c>
    </row>
    <row r="62" spans="1:12" s="1" customFormat="1" ht="11.25" customHeight="1">
      <c r="A62" s="37"/>
      <c r="B62" s="38">
        <v>52</v>
      </c>
      <c r="C62" s="39"/>
      <c r="D62" s="40">
        <v>6534674</v>
      </c>
      <c r="E62" s="40">
        <v>112020</v>
      </c>
      <c r="F62" s="41">
        <v>1.7142400676759084</v>
      </c>
      <c r="G62" s="40">
        <v>81332</v>
      </c>
      <c r="H62" s="41">
        <v>1.2446221494752454</v>
      </c>
      <c r="I62" s="40">
        <v>30688</v>
      </c>
      <c r="J62" s="41">
        <v>0.46961791820066312</v>
      </c>
      <c r="K62" s="42">
        <v>1947681</v>
      </c>
      <c r="L62" s="43">
        <v>3.3551048657351998</v>
      </c>
    </row>
    <row r="63" spans="1:12" s="1" customFormat="1" ht="11.25" customHeight="1">
      <c r="A63" s="37"/>
      <c r="B63" s="38">
        <v>51</v>
      </c>
      <c r="C63" s="39"/>
      <c r="D63" s="40">
        <v>6421325</v>
      </c>
      <c r="E63" s="40">
        <v>113349</v>
      </c>
      <c r="F63" s="41">
        <v>1.7651964353151413</v>
      </c>
      <c r="G63" s="40">
        <v>87123</v>
      </c>
      <c r="H63" s="41">
        <v>1.3567760547862007</v>
      </c>
      <c r="I63" s="40">
        <v>26226</v>
      </c>
      <c r="J63" s="41">
        <v>0.4084203805289407</v>
      </c>
      <c r="K63" s="42">
        <v>1913271</v>
      </c>
      <c r="L63" s="43">
        <v>3.3562025452745585</v>
      </c>
    </row>
    <row r="64" spans="1:12" s="1" customFormat="1" ht="6" customHeight="1">
      <c r="A64" s="37"/>
      <c r="B64" s="38"/>
      <c r="C64" s="39"/>
      <c r="D64" s="40"/>
      <c r="E64" s="40"/>
      <c r="F64" s="41"/>
      <c r="G64" s="40"/>
      <c r="H64" s="41"/>
      <c r="I64" s="40"/>
      <c r="J64" s="41"/>
      <c r="K64" s="42"/>
      <c r="L64" s="43"/>
    </row>
    <row r="65" spans="1:12" s="1" customFormat="1" ht="11.25" customHeight="1">
      <c r="A65" s="44"/>
      <c r="B65" s="45" t="s">
        <v>28</v>
      </c>
      <c r="C65" s="46"/>
      <c r="D65" s="47">
        <v>6295998</v>
      </c>
      <c r="E65" s="47">
        <v>125327</v>
      </c>
      <c r="F65" s="48">
        <v>1.9905819538062115</v>
      </c>
      <c r="G65" s="47">
        <v>90784</v>
      </c>
      <c r="H65" s="48">
        <v>1.4419318430533175</v>
      </c>
      <c r="I65" s="47">
        <v>34543</v>
      </c>
      <c r="J65" s="48">
        <v>0.54865011075289405</v>
      </c>
      <c r="K65" s="49">
        <v>1864491</v>
      </c>
      <c r="L65" s="50">
        <v>3.3767918429212047</v>
      </c>
    </row>
    <row r="66" spans="1:12" s="1" customFormat="1" ht="11.25" customHeight="1">
      <c r="A66" s="37"/>
      <c r="B66" s="38">
        <v>49</v>
      </c>
      <c r="C66" s="39"/>
      <c r="D66" s="40">
        <v>6138096</v>
      </c>
      <c r="E66" s="40">
        <v>157902</v>
      </c>
      <c r="F66" s="41">
        <v>2.5724915348342545</v>
      </c>
      <c r="G66" s="40">
        <v>101799</v>
      </c>
      <c r="H66" s="41">
        <v>1.6584784597699349</v>
      </c>
      <c r="I66" s="40">
        <v>56103</v>
      </c>
      <c r="J66" s="41">
        <v>0.91401307506431961</v>
      </c>
      <c r="K66" s="42">
        <v>1801478</v>
      </c>
      <c r="L66" s="43">
        <v>3.4072555979034993</v>
      </c>
    </row>
    <row r="67" spans="1:12" s="1" customFormat="1" ht="11.25" customHeight="1">
      <c r="A67" s="37"/>
      <c r="B67" s="38">
        <v>48</v>
      </c>
      <c r="C67" s="39"/>
      <c r="D67" s="40">
        <v>5958190</v>
      </c>
      <c r="E67" s="40">
        <v>179906</v>
      </c>
      <c r="F67" s="41">
        <v>3.0194740348998605</v>
      </c>
      <c r="G67" s="40">
        <v>108371</v>
      </c>
      <c r="H67" s="41">
        <v>1.8188577403540338</v>
      </c>
      <c r="I67" s="40">
        <v>71535</v>
      </c>
      <c r="J67" s="41">
        <v>1.2006162945458267</v>
      </c>
      <c r="K67" s="42">
        <v>1730604</v>
      </c>
      <c r="L67" s="43">
        <v>3.4428384540888612</v>
      </c>
    </row>
    <row r="68" spans="1:12" s="1" customFormat="1" ht="11.25" customHeight="1">
      <c r="A68" s="37"/>
      <c r="B68" s="38">
        <v>47</v>
      </c>
      <c r="C68" s="39"/>
      <c r="D68" s="40">
        <v>5758256</v>
      </c>
      <c r="E68" s="40">
        <v>199934</v>
      </c>
      <c r="F68" s="41">
        <v>3.4721276719895751</v>
      </c>
      <c r="G68" s="40">
        <v>106384</v>
      </c>
      <c r="H68" s="41">
        <v>1.8475038275477851</v>
      </c>
      <c r="I68" s="40">
        <v>93550</v>
      </c>
      <c r="J68" s="41">
        <v>1.6246238444417895</v>
      </c>
      <c r="K68" s="42">
        <v>1651473</v>
      </c>
      <c r="L68" s="43">
        <v>3.4867394138444889</v>
      </c>
    </row>
    <row r="69" spans="1:12" s="1" customFormat="1" ht="11.25" customHeight="1">
      <c r="A69" s="37"/>
      <c r="B69" s="38">
        <v>46</v>
      </c>
      <c r="C69" s="39"/>
      <c r="D69" s="40">
        <v>5524380</v>
      </c>
      <c r="E69" s="40">
        <v>233876</v>
      </c>
      <c r="F69" s="41">
        <v>4.2335248480372458</v>
      </c>
      <c r="G69" s="40">
        <v>102700</v>
      </c>
      <c r="H69" s="41">
        <v>1.8590321447836682</v>
      </c>
      <c r="I69" s="40">
        <v>131176</v>
      </c>
      <c r="J69" s="41">
        <v>2.3744927032535781</v>
      </c>
      <c r="K69" s="42">
        <v>1554798</v>
      </c>
      <c r="L69" s="43">
        <v>3.5531175110850413</v>
      </c>
    </row>
    <row r="70" spans="1:12" s="1" customFormat="1" ht="6" customHeight="1">
      <c r="A70" s="37"/>
      <c r="B70" s="38"/>
      <c r="C70" s="39"/>
      <c r="D70" s="40"/>
      <c r="E70" s="40"/>
      <c r="F70" s="41"/>
      <c r="G70" s="40"/>
      <c r="H70" s="41"/>
      <c r="I70" s="40"/>
      <c r="J70" s="41"/>
      <c r="K70" s="42"/>
      <c r="L70" s="43"/>
    </row>
    <row r="71" spans="1:12" s="1" customFormat="1" ht="11.25" customHeight="1">
      <c r="A71" s="44"/>
      <c r="B71" s="45" t="s">
        <v>29</v>
      </c>
      <c r="C71" s="46"/>
      <c r="D71" s="47">
        <v>5292904</v>
      </c>
      <c r="E71" s="47">
        <v>231476</v>
      </c>
      <c r="F71" s="48">
        <v>4.3733270053641631</v>
      </c>
      <c r="G71" s="47">
        <v>97696</v>
      </c>
      <c r="H71" s="48">
        <v>1.8457920264565539</v>
      </c>
      <c r="I71" s="47">
        <v>133780</v>
      </c>
      <c r="J71" s="48">
        <v>2.5275349789076094</v>
      </c>
      <c r="K71" s="49">
        <v>1469259</v>
      </c>
      <c r="L71" s="50">
        <v>3.6024308852285403</v>
      </c>
    </row>
    <row r="72" spans="1:12" s="1" customFormat="1" ht="11.25" customHeight="1">
      <c r="A72" s="37"/>
      <c r="B72" s="38">
        <v>44</v>
      </c>
      <c r="C72" s="39"/>
      <c r="D72" s="40">
        <v>5073378</v>
      </c>
      <c r="E72" s="40">
        <v>219526</v>
      </c>
      <c r="F72" s="41">
        <v>4.3270184086421315</v>
      </c>
      <c r="G72" s="40">
        <v>90246</v>
      </c>
      <c r="H72" s="41">
        <v>1.7788148251519993</v>
      </c>
      <c r="I72" s="40">
        <v>129280</v>
      </c>
      <c r="J72" s="41">
        <v>2.5482035834901322</v>
      </c>
      <c r="K72" s="42">
        <v>1376682</v>
      </c>
      <c r="L72" s="43">
        <v>3.6852214236839007</v>
      </c>
    </row>
    <row r="73" spans="1:12" s="1" customFormat="1" ht="11.25" customHeight="1">
      <c r="A73" s="37"/>
      <c r="B73" s="38">
        <v>43</v>
      </c>
      <c r="C73" s="39"/>
      <c r="D73" s="40">
        <v>4845739</v>
      </c>
      <c r="E73" s="40">
        <v>227639</v>
      </c>
      <c r="F73" s="41">
        <v>4.6977148377161875</v>
      </c>
      <c r="G73" s="40">
        <v>86018</v>
      </c>
      <c r="H73" s="41">
        <v>1.7751265596434311</v>
      </c>
      <c r="I73" s="40">
        <v>141621</v>
      </c>
      <c r="J73" s="41">
        <v>2.9225882780727566</v>
      </c>
      <c r="K73" s="42">
        <v>1297113</v>
      </c>
      <c r="L73" s="43">
        <v>3.7357878611963646</v>
      </c>
    </row>
    <row r="74" spans="1:12" s="29" customFormat="1" ht="11.25" customHeight="1">
      <c r="A74" s="60"/>
      <c r="B74" s="23">
        <v>42</v>
      </c>
      <c r="C74" s="32"/>
      <c r="D74" s="33">
        <v>4638525</v>
      </c>
      <c r="E74" s="33">
        <v>207214</v>
      </c>
      <c r="F74" s="34">
        <v>4.4672390468952949</v>
      </c>
      <c r="G74" s="33">
        <v>85699</v>
      </c>
      <c r="H74" s="34">
        <v>1.847548520273147</v>
      </c>
      <c r="I74" s="33">
        <v>121515</v>
      </c>
      <c r="J74" s="34">
        <v>2.619690526622148</v>
      </c>
      <c r="K74" s="35">
        <v>1227888</v>
      </c>
      <c r="L74" s="36">
        <v>3.7776450295140926</v>
      </c>
    </row>
    <row r="75" spans="1:12" s="29" customFormat="1" ht="11.25" customHeight="1">
      <c r="A75" s="31"/>
      <c r="B75" s="23">
        <v>41</v>
      </c>
      <c r="C75" s="32"/>
      <c r="D75" s="33">
        <v>4474335</v>
      </c>
      <c r="E75" s="33">
        <v>164190</v>
      </c>
      <c r="F75" s="34">
        <v>3.6695955935351283</v>
      </c>
      <c r="G75" s="33">
        <v>55394</v>
      </c>
      <c r="H75" s="34">
        <v>1.2380387253077831</v>
      </c>
      <c r="I75" s="33">
        <v>108796</v>
      </c>
      <c r="J75" s="34">
        <v>2.4315568682273456</v>
      </c>
      <c r="K75" s="35">
        <v>1164807</v>
      </c>
      <c r="L75" s="36">
        <v>3.8412672657358686</v>
      </c>
    </row>
    <row r="76" spans="1:12" s="29" customFormat="1" ht="6" customHeight="1">
      <c r="A76" s="60"/>
      <c r="B76" s="23"/>
      <c r="C76" s="32"/>
      <c r="D76" s="33"/>
      <c r="E76" s="33"/>
      <c r="F76" s="34"/>
      <c r="G76" s="33"/>
      <c r="H76" s="34"/>
      <c r="I76" s="33"/>
      <c r="J76" s="34"/>
      <c r="K76" s="35"/>
      <c r="L76" s="36"/>
    </row>
    <row r="77" spans="1:12" s="29" customFormat="1" ht="11.25" customHeight="1">
      <c r="A77" s="61"/>
      <c r="B77" s="45" t="s">
        <v>31</v>
      </c>
      <c r="C77" s="46"/>
      <c r="D77" s="47">
        <v>4254849</v>
      </c>
      <c r="E77" s="47">
        <v>219486</v>
      </c>
      <c r="F77" s="48">
        <v>5.1584909358710496</v>
      </c>
      <c r="G77" s="47">
        <v>73843</v>
      </c>
      <c r="H77" s="48">
        <v>1.7355022469657562</v>
      </c>
      <c r="I77" s="47">
        <v>145643</v>
      </c>
      <c r="J77" s="48">
        <v>3.4229886889052938</v>
      </c>
      <c r="K77" s="49">
        <v>1095062</v>
      </c>
      <c r="L77" s="50">
        <v>3.8854868491464409</v>
      </c>
    </row>
    <row r="78" spans="1:12" s="29" customFormat="1" ht="11.25" customHeight="1">
      <c r="A78" s="60"/>
      <c r="B78" s="23">
        <v>39</v>
      </c>
      <c r="C78" s="32"/>
      <c r="D78" s="33">
        <v>4023952</v>
      </c>
      <c r="E78" s="33">
        <v>230897</v>
      </c>
      <c r="F78" s="34">
        <v>5.7380654640015587</v>
      </c>
      <c r="G78" s="33">
        <v>63494</v>
      </c>
      <c r="H78" s="34">
        <v>1.5779015256643221</v>
      </c>
      <c r="I78" s="33">
        <v>167403</v>
      </c>
      <c r="J78" s="34">
        <v>4.1601639383372362</v>
      </c>
      <c r="K78" s="35">
        <v>1018301</v>
      </c>
      <c r="L78" s="36">
        <v>3.9516331615111837</v>
      </c>
    </row>
    <row r="79" spans="1:12" s="29" customFormat="1" ht="11.25" customHeight="1">
      <c r="A79" s="60"/>
      <c r="B79" s="23">
        <v>38</v>
      </c>
      <c r="C79" s="32"/>
      <c r="D79" s="33">
        <v>3836417</v>
      </c>
      <c r="E79" s="33">
        <v>187535</v>
      </c>
      <c r="F79" s="34">
        <v>4.8882850847548633</v>
      </c>
      <c r="G79" s="33">
        <v>54670</v>
      </c>
      <c r="H79" s="34">
        <v>1.4250275712989491</v>
      </c>
      <c r="I79" s="33">
        <v>132865</v>
      </c>
      <c r="J79" s="34">
        <v>3.4632575134559147</v>
      </c>
      <c r="K79" s="35">
        <v>952134</v>
      </c>
      <c r="L79" s="36">
        <v>4.0292826429893269</v>
      </c>
    </row>
    <row r="80" spans="1:12" s="29" customFormat="1" ht="11.25" customHeight="1">
      <c r="A80" s="60"/>
      <c r="B80" s="23">
        <v>37</v>
      </c>
      <c r="C80" s="32"/>
      <c r="D80" s="33">
        <v>3643446</v>
      </c>
      <c r="E80" s="33">
        <v>192971</v>
      </c>
      <c r="F80" s="34">
        <v>5.2963869918752744</v>
      </c>
      <c r="G80" s="33">
        <v>47778</v>
      </c>
      <c r="H80" s="34">
        <v>1.311340966766078</v>
      </c>
      <c r="I80" s="33">
        <v>145193</v>
      </c>
      <c r="J80" s="34">
        <v>3.9850460251091966</v>
      </c>
      <c r="K80" s="35">
        <v>884176</v>
      </c>
      <c r="L80" s="36">
        <v>4.1207248330649104</v>
      </c>
    </row>
    <row r="81" spans="1:19" s="29" customFormat="1" ht="11.25" customHeight="1">
      <c r="A81" s="60"/>
      <c r="B81" s="23">
        <v>36</v>
      </c>
      <c r="C81" s="32"/>
      <c r="D81" s="33">
        <v>3477556</v>
      </c>
      <c r="E81" s="33">
        <v>165890</v>
      </c>
      <c r="F81" s="34">
        <v>4.7703042021465647</v>
      </c>
      <c r="G81" s="33">
        <v>44449</v>
      </c>
      <c r="H81" s="34">
        <v>1.2781677706987322</v>
      </c>
      <c r="I81" s="33">
        <v>121441</v>
      </c>
      <c r="J81" s="34">
        <v>3.4921364314478329</v>
      </c>
      <c r="K81" s="35">
        <v>828771</v>
      </c>
      <c r="L81" s="36">
        <v>4.1960396780292744</v>
      </c>
    </row>
    <row r="82" spans="1:19" s="29" customFormat="1" ht="6" customHeight="1">
      <c r="A82" s="60"/>
      <c r="B82" s="23"/>
      <c r="C82" s="32"/>
      <c r="D82" s="33"/>
      <c r="E82" s="33"/>
      <c r="F82" s="34"/>
      <c r="G82" s="33"/>
      <c r="H82" s="34"/>
      <c r="I82" s="33"/>
      <c r="J82" s="34"/>
      <c r="K82" s="35"/>
      <c r="L82" s="36"/>
    </row>
    <row r="83" spans="1:19" s="29" customFormat="1" ht="11.25" customHeight="1">
      <c r="A83" s="61"/>
      <c r="B83" s="45" t="s">
        <v>32</v>
      </c>
      <c r="C83" s="46"/>
      <c r="D83" s="47">
        <v>3332163</v>
      </c>
      <c r="E83" s="47">
        <v>145393</v>
      </c>
      <c r="F83" s="48">
        <v>4.3633219623409776</v>
      </c>
      <c r="G83" s="47">
        <v>40148</v>
      </c>
      <c r="H83" s="48">
        <v>1.2048630274089234</v>
      </c>
      <c r="I83" s="47">
        <v>105245</v>
      </c>
      <c r="J83" s="48">
        <v>3.1584589349320549</v>
      </c>
      <c r="K83" s="62" t="s">
        <v>13</v>
      </c>
      <c r="L83" s="63" t="s">
        <v>13</v>
      </c>
    </row>
    <row r="84" spans="1:19" s="29" customFormat="1" ht="11.25" customHeight="1">
      <c r="A84" s="60"/>
      <c r="B84" s="23">
        <v>34</v>
      </c>
      <c r="C84" s="32"/>
      <c r="D84" s="33">
        <v>3208381</v>
      </c>
      <c r="E84" s="33">
        <v>123782</v>
      </c>
      <c r="F84" s="34">
        <v>3.8580829396508705</v>
      </c>
      <c r="G84" s="33">
        <v>38423</v>
      </c>
      <c r="H84" s="34">
        <v>1.1975822073500624</v>
      </c>
      <c r="I84" s="33">
        <v>85359</v>
      </c>
      <c r="J84" s="34">
        <v>2.6605007323008087</v>
      </c>
      <c r="K84" s="64" t="s">
        <v>13</v>
      </c>
      <c r="L84" s="65" t="s">
        <v>13</v>
      </c>
    </row>
    <row r="85" spans="1:19" s="1" customFormat="1" ht="11.25" customHeight="1">
      <c r="A85" s="37"/>
      <c r="B85" s="38" t="s">
        <v>14</v>
      </c>
      <c r="C85" s="39"/>
      <c r="D85" s="40">
        <v>3099197</v>
      </c>
      <c r="E85" s="40">
        <v>109184</v>
      </c>
      <c r="F85" s="66" t="s">
        <v>13</v>
      </c>
      <c r="G85" s="40">
        <v>35708</v>
      </c>
      <c r="H85" s="66" t="s">
        <v>13</v>
      </c>
      <c r="I85" s="40">
        <v>73476</v>
      </c>
      <c r="J85" s="66" t="s">
        <v>13</v>
      </c>
      <c r="K85" s="67" t="s">
        <v>13</v>
      </c>
      <c r="L85" s="68" t="s">
        <v>13</v>
      </c>
    </row>
    <row r="86" spans="1:19" s="1" customFormat="1" ht="6" customHeight="1" thickBot="1">
      <c r="A86" s="51"/>
      <c r="B86" s="52"/>
      <c r="C86" s="52"/>
      <c r="D86" s="53"/>
      <c r="E86" s="53"/>
      <c r="F86" s="54"/>
      <c r="G86" s="53"/>
      <c r="H86" s="54"/>
      <c r="I86" s="53"/>
      <c r="J86" s="54"/>
      <c r="K86" s="55"/>
      <c r="L86" s="56"/>
    </row>
    <row r="87" spans="1:19" s="59" customFormat="1" ht="13.5" customHeight="1">
      <c r="A87" s="75" t="s">
        <v>30</v>
      </c>
      <c r="B87" s="75"/>
      <c r="C87" s="75"/>
      <c r="D87" s="75"/>
      <c r="E87" s="75"/>
      <c r="F87" s="75"/>
      <c r="G87" s="75"/>
      <c r="H87" s="75"/>
      <c r="I87" s="75"/>
      <c r="J87" s="75"/>
      <c r="K87" s="75"/>
      <c r="L87" s="75"/>
      <c r="M87" s="57"/>
      <c r="N87" s="57"/>
      <c r="O87" s="58"/>
      <c r="P87" s="58"/>
      <c r="Q87" s="58"/>
      <c r="R87" s="58"/>
      <c r="S87" s="58"/>
    </row>
  </sheetData>
  <mergeCells count="10">
    <mergeCell ref="A87:L87"/>
    <mergeCell ref="A1:L1"/>
    <mergeCell ref="A2:C2"/>
    <mergeCell ref="A3:C5"/>
    <mergeCell ref="D3:D5"/>
    <mergeCell ref="E3:E5"/>
    <mergeCell ref="K3:K5"/>
    <mergeCell ref="L3:L5"/>
    <mergeCell ref="G4:H4"/>
    <mergeCell ref="I4:J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5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78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79</v>
      </c>
      <c r="E3" s="79"/>
      <c r="F3" s="79"/>
      <c r="G3" s="209"/>
      <c r="H3" s="90" t="s">
        <v>180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34172</v>
      </c>
      <c r="E6" s="17">
        <v>4580487</v>
      </c>
      <c r="F6" s="17">
        <v>4653685</v>
      </c>
      <c r="G6" s="17">
        <v>4294426</v>
      </c>
      <c r="H6" s="17">
        <v>9237824</v>
      </c>
      <c r="I6" s="17">
        <v>4582231</v>
      </c>
      <c r="J6" s="17">
        <v>4655593</v>
      </c>
      <c r="K6" s="211">
        <v>4301045</v>
      </c>
    </row>
    <row r="7" spans="1:22" s="29" customFormat="1" ht="9.75" customHeight="1">
      <c r="A7" s="193" t="s">
        <v>96</v>
      </c>
      <c r="B7" s="194"/>
      <c r="C7" s="32"/>
      <c r="D7" s="195">
        <v>8947624</v>
      </c>
      <c r="E7" s="195">
        <v>4439574</v>
      </c>
      <c r="F7" s="195">
        <v>4508050</v>
      </c>
      <c r="G7" s="195">
        <v>4171956</v>
      </c>
      <c r="H7" s="195">
        <v>8951419</v>
      </c>
      <c r="I7" s="195">
        <v>4441402</v>
      </c>
      <c r="J7" s="195">
        <v>4510017</v>
      </c>
      <c r="K7" s="212">
        <v>4178494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6548</v>
      </c>
      <c r="E8" s="195">
        <v>140913</v>
      </c>
      <c r="F8" s="195">
        <v>145635</v>
      </c>
      <c r="G8" s="195">
        <v>122470</v>
      </c>
      <c r="H8" s="195">
        <v>286405</v>
      </c>
      <c r="I8" s="195">
        <v>140829</v>
      </c>
      <c r="J8" s="195">
        <v>145576</v>
      </c>
      <c r="K8" s="212">
        <v>122551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73214</v>
      </c>
      <c r="E10" s="203">
        <v>1862176</v>
      </c>
      <c r="F10" s="203">
        <v>1911038</v>
      </c>
      <c r="G10" s="203">
        <v>1777482</v>
      </c>
      <c r="H10" s="203">
        <v>3774369</v>
      </c>
      <c r="I10" s="203">
        <v>1862663</v>
      </c>
      <c r="J10" s="203">
        <v>1911706</v>
      </c>
      <c r="K10" s="214">
        <v>1779834</v>
      </c>
    </row>
    <row r="11" spans="1:22" ht="9.75" customHeight="1">
      <c r="A11" s="37"/>
      <c r="B11" s="108" t="s">
        <v>99</v>
      </c>
      <c r="C11" s="39"/>
      <c r="D11" s="198">
        <v>295921</v>
      </c>
      <c r="E11" s="198">
        <v>152543</v>
      </c>
      <c r="F11" s="198">
        <v>143378</v>
      </c>
      <c r="G11" s="198">
        <v>146638</v>
      </c>
      <c r="H11" s="198">
        <v>295972</v>
      </c>
      <c r="I11" s="198">
        <v>152604</v>
      </c>
      <c r="J11" s="198">
        <v>143368</v>
      </c>
      <c r="K11" s="213">
        <v>146787</v>
      </c>
    </row>
    <row r="12" spans="1:22" ht="9.75" customHeight="1">
      <c r="A12" s="37"/>
      <c r="B12" s="108" t="s">
        <v>100</v>
      </c>
      <c r="C12" s="39"/>
      <c r="D12" s="198">
        <v>248945</v>
      </c>
      <c r="E12" s="198">
        <v>127008</v>
      </c>
      <c r="F12" s="198">
        <v>121937</v>
      </c>
      <c r="G12" s="198">
        <v>131957</v>
      </c>
      <c r="H12" s="198">
        <v>249015</v>
      </c>
      <c r="I12" s="198">
        <v>126994</v>
      </c>
      <c r="J12" s="198">
        <v>122021</v>
      </c>
      <c r="K12" s="213">
        <v>132091</v>
      </c>
    </row>
    <row r="13" spans="1:22" ht="9.75" customHeight="1">
      <c r="A13" s="37"/>
      <c r="B13" s="108" t="s">
        <v>101</v>
      </c>
      <c r="C13" s="39"/>
      <c r="D13" s="198">
        <v>105099</v>
      </c>
      <c r="E13" s="198">
        <v>53025</v>
      </c>
      <c r="F13" s="198">
        <v>52074</v>
      </c>
      <c r="G13" s="198">
        <v>57892</v>
      </c>
      <c r="H13" s="198">
        <v>105249</v>
      </c>
      <c r="I13" s="198">
        <v>53104</v>
      </c>
      <c r="J13" s="198">
        <v>52145</v>
      </c>
      <c r="K13" s="213">
        <v>58042</v>
      </c>
    </row>
    <row r="14" spans="1:22" ht="9.75" customHeight="1">
      <c r="A14" s="37"/>
      <c r="B14" s="108" t="s">
        <v>102</v>
      </c>
      <c r="C14" s="39"/>
      <c r="D14" s="198">
        <v>150540</v>
      </c>
      <c r="E14" s="198">
        <v>76500</v>
      </c>
      <c r="F14" s="198">
        <v>74040</v>
      </c>
      <c r="G14" s="198">
        <v>85479</v>
      </c>
      <c r="H14" s="198">
        <v>150747</v>
      </c>
      <c r="I14" s="198">
        <v>76618</v>
      </c>
      <c r="J14" s="198">
        <v>74129</v>
      </c>
      <c r="K14" s="213">
        <v>85680</v>
      </c>
    </row>
    <row r="15" spans="1:22" ht="9.75" customHeight="1">
      <c r="A15" s="37"/>
      <c r="B15" s="108" t="s">
        <v>103</v>
      </c>
      <c r="C15" s="39"/>
      <c r="D15" s="198">
        <v>197842</v>
      </c>
      <c r="E15" s="198">
        <v>98639</v>
      </c>
      <c r="F15" s="198">
        <v>99203</v>
      </c>
      <c r="G15" s="198">
        <v>105563</v>
      </c>
      <c r="H15" s="198">
        <v>198023</v>
      </c>
      <c r="I15" s="198">
        <v>98742</v>
      </c>
      <c r="J15" s="198">
        <v>99281</v>
      </c>
      <c r="K15" s="213">
        <v>105814</v>
      </c>
    </row>
    <row r="16" spans="1:22" ht="9.75" customHeight="1">
      <c r="A16" s="37"/>
      <c r="B16" s="108" t="s">
        <v>104</v>
      </c>
      <c r="C16" s="39"/>
      <c r="D16" s="198">
        <v>214810</v>
      </c>
      <c r="E16" s="198">
        <v>104626</v>
      </c>
      <c r="F16" s="198">
        <v>110184</v>
      </c>
      <c r="G16" s="198">
        <v>96832</v>
      </c>
      <c r="H16" s="198">
        <v>214832</v>
      </c>
      <c r="I16" s="198">
        <v>104614</v>
      </c>
      <c r="J16" s="198">
        <v>110218</v>
      </c>
      <c r="K16" s="213">
        <v>96918</v>
      </c>
    </row>
    <row r="17" spans="1:11" ht="9.75" customHeight="1">
      <c r="A17" s="37"/>
      <c r="B17" s="108" t="s">
        <v>105</v>
      </c>
      <c r="C17" s="39"/>
      <c r="D17" s="198">
        <v>206411</v>
      </c>
      <c r="E17" s="198">
        <v>101138</v>
      </c>
      <c r="F17" s="198">
        <v>105273</v>
      </c>
      <c r="G17" s="198">
        <v>100071</v>
      </c>
      <c r="H17" s="198">
        <v>206329</v>
      </c>
      <c r="I17" s="198">
        <v>101106</v>
      </c>
      <c r="J17" s="198">
        <v>105223</v>
      </c>
      <c r="K17" s="213">
        <v>100152</v>
      </c>
    </row>
    <row r="18" spans="1:11" ht="9.75" customHeight="1">
      <c r="A18" s="37"/>
      <c r="B18" s="108" t="s">
        <v>106</v>
      </c>
      <c r="C18" s="39"/>
      <c r="D18" s="198">
        <v>242935</v>
      </c>
      <c r="E18" s="198">
        <v>117072</v>
      </c>
      <c r="F18" s="198">
        <v>125863</v>
      </c>
      <c r="G18" s="198">
        <v>107625</v>
      </c>
      <c r="H18" s="198">
        <v>242907</v>
      </c>
      <c r="I18" s="198">
        <v>117005</v>
      </c>
      <c r="J18" s="198">
        <v>125902</v>
      </c>
      <c r="K18" s="213">
        <v>107696</v>
      </c>
    </row>
    <row r="19" spans="1:11" ht="9.75" customHeight="1">
      <c r="A19" s="37"/>
      <c r="B19" s="108" t="s">
        <v>107</v>
      </c>
      <c r="C19" s="39"/>
      <c r="D19" s="198">
        <v>165999</v>
      </c>
      <c r="E19" s="198">
        <v>81624</v>
      </c>
      <c r="F19" s="198">
        <v>84375</v>
      </c>
      <c r="G19" s="198">
        <v>79372</v>
      </c>
      <c r="H19" s="198">
        <v>165991</v>
      </c>
      <c r="I19" s="198">
        <v>81637</v>
      </c>
      <c r="J19" s="198">
        <v>84354</v>
      </c>
      <c r="K19" s="213">
        <v>79455</v>
      </c>
    </row>
    <row r="20" spans="1:11" ht="9.75" customHeight="1">
      <c r="A20" s="37"/>
      <c r="B20" s="108" t="s">
        <v>108</v>
      </c>
      <c r="C20" s="39"/>
      <c r="D20" s="198">
        <v>196879</v>
      </c>
      <c r="E20" s="198">
        <v>95661</v>
      </c>
      <c r="F20" s="198">
        <v>101218</v>
      </c>
      <c r="G20" s="198">
        <v>90475</v>
      </c>
      <c r="H20" s="198">
        <v>196829</v>
      </c>
      <c r="I20" s="198">
        <v>95635</v>
      </c>
      <c r="J20" s="198">
        <v>101194</v>
      </c>
      <c r="K20" s="213">
        <v>90556</v>
      </c>
    </row>
    <row r="21" spans="1:11" ht="9.75" customHeight="1">
      <c r="A21" s="37"/>
      <c r="B21" s="108" t="s">
        <v>109</v>
      </c>
      <c r="C21" s="39"/>
      <c r="D21" s="198">
        <v>361077</v>
      </c>
      <c r="E21" s="198">
        <v>180051</v>
      </c>
      <c r="F21" s="198">
        <v>181026</v>
      </c>
      <c r="G21" s="198">
        <v>178652</v>
      </c>
      <c r="H21" s="198">
        <v>361550</v>
      </c>
      <c r="I21" s="198">
        <v>180254</v>
      </c>
      <c r="J21" s="198">
        <v>181296</v>
      </c>
      <c r="K21" s="213">
        <v>179028</v>
      </c>
    </row>
    <row r="22" spans="1:11" ht="9.75" customHeight="1">
      <c r="A22" s="37"/>
      <c r="B22" s="108" t="s">
        <v>110</v>
      </c>
      <c r="C22" s="39"/>
      <c r="D22" s="198">
        <v>183078</v>
      </c>
      <c r="E22" s="198">
        <v>89916</v>
      </c>
      <c r="F22" s="198">
        <v>93162</v>
      </c>
      <c r="G22" s="198">
        <v>80706</v>
      </c>
      <c r="H22" s="198">
        <v>183086</v>
      </c>
      <c r="I22" s="198">
        <v>89905</v>
      </c>
      <c r="J22" s="198">
        <v>93181</v>
      </c>
      <c r="K22" s="213">
        <v>80779</v>
      </c>
    </row>
    <row r="23" spans="1:11" ht="9.75" customHeight="1">
      <c r="A23" s="37"/>
      <c r="B23" s="108" t="s">
        <v>111</v>
      </c>
      <c r="C23" s="39"/>
      <c r="D23" s="198">
        <v>310848</v>
      </c>
      <c r="E23" s="198">
        <v>149943</v>
      </c>
      <c r="F23" s="198">
        <v>160905</v>
      </c>
      <c r="G23" s="198">
        <v>134798</v>
      </c>
      <c r="H23" s="198">
        <v>310945</v>
      </c>
      <c r="I23" s="198">
        <v>149980</v>
      </c>
      <c r="J23" s="198">
        <v>160965</v>
      </c>
      <c r="K23" s="213">
        <v>135015</v>
      </c>
    </row>
    <row r="24" spans="1:11" ht="9.75" customHeight="1">
      <c r="A24" s="37"/>
      <c r="B24" s="108" t="s">
        <v>112</v>
      </c>
      <c r="C24" s="39"/>
      <c r="D24" s="198">
        <v>214620</v>
      </c>
      <c r="E24" s="198">
        <v>105063</v>
      </c>
      <c r="F24" s="198">
        <v>109557</v>
      </c>
      <c r="G24" s="198">
        <v>86747</v>
      </c>
      <c r="H24" s="198">
        <v>214827</v>
      </c>
      <c r="I24" s="198">
        <v>105170</v>
      </c>
      <c r="J24" s="198">
        <v>109657</v>
      </c>
      <c r="K24" s="213">
        <v>86918</v>
      </c>
    </row>
    <row r="25" spans="1:11" ht="9.75" customHeight="1">
      <c r="A25" s="37"/>
      <c r="B25" s="108" t="s">
        <v>113</v>
      </c>
      <c r="C25" s="39"/>
      <c r="D25" s="198">
        <v>283713</v>
      </c>
      <c r="E25" s="198">
        <v>138148</v>
      </c>
      <c r="F25" s="198">
        <v>145565</v>
      </c>
      <c r="G25" s="198">
        <v>123870</v>
      </c>
      <c r="H25" s="198">
        <v>283648</v>
      </c>
      <c r="I25" s="198">
        <v>138102</v>
      </c>
      <c r="J25" s="198">
        <v>145546</v>
      </c>
      <c r="K25" s="213">
        <v>123967</v>
      </c>
    </row>
    <row r="26" spans="1:11" ht="9.75" customHeight="1">
      <c r="A26" s="37"/>
      <c r="B26" s="108" t="s">
        <v>114</v>
      </c>
      <c r="C26" s="39"/>
      <c r="D26" s="198">
        <v>120913</v>
      </c>
      <c r="E26" s="198">
        <v>58885</v>
      </c>
      <c r="F26" s="198">
        <v>62028</v>
      </c>
      <c r="G26" s="198">
        <v>53887</v>
      </c>
      <c r="H26" s="198">
        <v>120948</v>
      </c>
      <c r="I26" s="198">
        <v>58899</v>
      </c>
      <c r="J26" s="198">
        <v>62049</v>
      </c>
      <c r="K26" s="213">
        <v>53949</v>
      </c>
    </row>
    <row r="27" spans="1:11" ht="9.75" customHeight="1">
      <c r="A27" s="37"/>
      <c r="B27" s="108" t="s">
        <v>115</v>
      </c>
      <c r="C27" s="39"/>
      <c r="D27" s="198">
        <v>151854</v>
      </c>
      <c r="E27" s="198">
        <v>73536</v>
      </c>
      <c r="F27" s="198">
        <v>78318</v>
      </c>
      <c r="G27" s="198">
        <v>63760</v>
      </c>
      <c r="H27" s="198">
        <v>151808</v>
      </c>
      <c r="I27" s="198">
        <v>73520</v>
      </c>
      <c r="J27" s="198">
        <v>78288</v>
      </c>
      <c r="K27" s="213">
        <v>63796</v>
      </c>
    </row>
    <row r="28" spans="1:11" ht="9.75" customHeight="1">
      <c r="A28" s="37"/>
      <c r="B28" s="108" t="s">
        <v>116</v>
      </c>
      <c r="C28" s="39"/>
      <c r="D28" s="198">
        <v>121730</v>
      </c>
      <c r="E28" s="198">
        <v>58798</v>
      </c>
      <c r="F28" s="198">
        <v>62932</v>
      </c>
      <c r="G28" s="198">
        <v>53158</v>
      </c>
      <c r="H28" s="198">
        <v>121663</v>
      </c>
      <c r="I28" s="198">
        <v>58774</v>
      </c>
      <c r="J28" s="198">
        <v>62889</v>
      </c>
      <c r="K28" s="213">
        <v>53191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40962</v>
      </c>
      <c r="E30" s="203">
        <v>775728</v>
      </c>
      <c r="F30" s="203">
        <v>765234</v>
      </c>
      <c r="G30" s="203">
        <v>761366</v>
      </c>
      <c r="H30" s="203">
        <v>1542257</v>
      </c>
      <c r="I30" s="203">
        <v>776369</v>
      </c>
      <c r="J30" s="203">
        <v>765888</v>
      </c>
      <c r="K30" s="214">
        <v>762655</v>
      </c>
    </row>
    <row r="31" spans="1:11" ht="9.75" customHeight="1">
      <c r="A31" s="37"/>
      <c r="B31" s="108" t="s">
        <v>118</v>
      </c>
      <c r="C31" s="39"/>
      <c r="D31" s="198">
        <v>230331</v>
      </c>
      <c r="E31" s="198">
        <v>123747</v>
      </c>
      <c r="F31" s="198">
        <v>106584</v>
      </c>
      <c r="G31" s="198">
        <v>124018</v>
      </c>
      <c r="H31" s="198">
        <v>230634</v>
      </c>
      <c r="I31" s="198">
        <v>123901</v>
      </c>
      <c r="J31" s="198">
        <v>106733</v>
      </c>
      <c r="K31" s="213">
        <v>124332</v>
      </c>
    </row>
    <row r="32" spans="1:11" ht="9.75" customHeight="1">
      <c r="A32" s="37"/>
      <c r="B32" s="108" t="s">
        <v>119</v>
      </c>
      <c r="C32" s="39"/>
      <c r="D32" s="198">
        <v>171361</v>
      </c>
      <c r="E32" s="198">
        <v>86592</v>
      </c>
      <c r="F32" s="198">
        <v>84769</v>
      </c>
      <c r="G32" s="198">
        <v>81226</v>
      </c>
      <c r="H32" s="198">
        <v>171571</v>
      </c>
      <c r="I32" s="198">
        <v>86686</v>
      </c>
      <c r="J32" s="198">
        <v>84885</v>
      </c>
      <c r="K32" s="213">
        <v>81363</v>
      </c>
    </row>
    <row r="33" spans="1:11" ht="9.75" customHeight="1">
      <c r="A33" s="37"/>
      <c r="B33" s="108" t="s">
        <v>120</v>
      </c>
      <c r="C33" s="39"/>
      <c r="D33" s="198">
        <v>264839</v>
      </c>
      <c r="E33" s="198">
        <v>134076</v>
      </c>
      <c r="F33" s="198">
        <v>130763</v>
      </c>
      <c r="G33" s="198">
        <v>137434</v>
      </c>
      <c r="H33" s="198">
        <v>265082</v>
      </c>
      <c r="I33" s="198">
        <v>134195</v>
      </c>
      <c r="J33" s="198">
        <v>130887</v>
      </c>
      <c r="K33" s="213">
        <v>137639</v>
      </c>
    </row>
    <row r="34" spans="1:11" ht="9.75" customHeight="1">
      <c r="A34" s="37"/>
      <c r="B34" s="108" t="s">
        <v>121</v>
      </c>
      <c r="C34" s="39"/>
      <c r="D34" s="198">
        <v>234339</v>
      </c>
      <c r="E34" s="198">
        <v>116111</v>
      </c>
      <c r="F34" s="198">
        <v>118228</v>
      </c>
      <c r="G34" s="198">
        <v>115641</v>
      </c>
      <c r="H34" s="198">
        <v>234489</v>
      </c>
      <c r="I34" s="198">
        <v>116166</v>
      </c>
      <c r="J34" s="198">
        <v>118323</v>
      </c>
      <c r="K34" s="213">
        <v>115786</v>
      </c>
    </row>
    <row r="35" spans="1:11" ht="9.75" customHeight="1">
      <c r="A35" s="37"/>
      <c r="B35" s="108" t="s">
        <v>122</v>
      </c>
      <c r="C35" s="39"/>
      <c r="D35" s="198">
        <v>234864</v>
      </c>
      <c r="E35" s="198">
        <v>113780</v>
      </c>
      <c r="F35" s="198">
        <v>121084</v>
      </c>
      <c r="G35" s="198">
        <v>104662</v>
      </c>
      <c r="H35" s="198">
        <v>235057</v>
      </c>
      <c r="I35" s="198">
        <v>113855</v>
      </c>
      <c r="J35" s="198">
        <v>121202</v>
      </c>
      <c r="K35" s="213">
        <v>104881</v>
      </c>
    </row>
    <row r="36" spans="1:11" ht="9.75" customHeight="1">
      <c r="A36" s="37"/>
      <c r="B36" s="108" t="s">
        <v>123</v>
      </c>
      <c r="C36" s="39"/>
      <c r="D36" s="198">
        <v>224178</v>
      </c>
      <c r="E36" s="198">
        <v>114145</v>
      </c>
      <c r="F36" s="198">
        <v>110033</v>
      </c>
      <c r="G36" s="198">
        <v>117406</v>
      </c>
      <c r="H36" s="198">
        <v>224285</v>
      </c>
      <c r="I36" s="198">
        <v>114227</v>
      </c>
      <c r="J36" s="198">
        <v>110058</v>
      </c>
      <c r="K36" s="213">
        <v>117528</v>
      </c>
    </row>
    <row r="37" spans="1:11" ht="9.75" customHeight="1">
      <c r="A37" s="37"/>
      <c r="B37" s="108" t="s">
        <v>124</v>
      </c>
      <c r="C37" s="39"/>
      <c r="D37" s="198">
        <v>181050</v>
      </c>
      <c r="E37" s="198">
        <v>87277</v>
      </c>
      <c r="F37" s="198">
        <v>93773</v>
      </c>
      <c r="G37" s="198">
        <v>80979</v>
      </c>
      <c r="H37" s="198">
        <v>181139</v>
      </c>
      <c r="I37" s="198">
        <v>87339</v>
      </c>
      <c r="J37" s="198">
        <v>93800</v>
      </c>
      <c r="K37" s="213">
        <v>81126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6087</v>
      </c>
      <c r="E39" s="203">
        <v>361748</v>
      </c>
      <c r="F39" s="203">
        <v>364339</v>
      </c>
      <c r="G39" s="203">
        <v>339872</v>
      </c>
      <c r="H39" s="203">
        <v>726485</v>
      </c>
      <c r="I39" s="203">
        <v>361956</v>
      </c>
      <c r="J39" s="203">
        <v>364529</v>
      </c>
      <c r="K39" s="214">
        <v>340576</v>
      </c>
    </row>
    <row r="40" spans="1:11" ht="9.75" customHeight="1">
      <c r="A40" s="37"/>
      <c r="B40" s="108" t="s">
        <v>110</v>
      </c>
      <c r="C40" s="39"/>
      <c r="D40" s="198">
        <v>169105</v>
      </c>
      <c r="E40" s="198">
        <v>84949</v>
      </c>
      <c r="F40" s="198">
        <v>84156</v>
      </c>
      <c r="G40" s="198">
        <v>76173</v>
      </c>
      <c r="H40" s="198">
        <v>169168</v>
      </c>
      <c r="I40" s="198">
        <v>84990</v>
      </c>
      <c r="J40" s="198">
        <v>84178</v>
      </c>
      <c r="K40" s="213">
        <v>76364</v>
      </c>
    </row>
    <row r="41" spans="1:11" ht="9.75" customHeight="1">
      <c r="A41" s="37"/>
      <c r="B41" s="108" t="s">
        <v>126</v>
      </c>
      <c r="C41" s="39"/>
      <c r="D41" s="198">
        <v>274087</v>
      </c>
      <c r="E41" s="198">
        <v>136974</v>
      </c>
      <c r="F41" s="198">
        <v>137113</v>
      </c>
      <c r="G41" s="198">
        <v>127605</v>
      </c>
      <c r="H41" s="198">
        <v>274222</v>
      </c>
      <c r="I41" s="198">
        <v>137035</v>
      </c>
      <c r="J41" s="198">
        <v>137187</v>
      </c>
      <c r="K41" s="213">
        <v>127830</v>
      </c>
    </row>
    <row r="42" spans="1:11" ht="9.75" customHeight="1">
      <c r="A42" s="37"/>
      <c r="B42" s="108" t="s">
        <v>103</v>
      </c>
      <c r="C42" s="39"/>
      <c r="D42" s="198">
        <v>282895</v>
      </c>
      <c r="E42" s="198">
        <v>139825</v>
      </c>
      <c r="F42" s="198">
        <v>143070</v>
      </c>
      <c r="G42" s="198">
        <v>136094</v>
      </c>
      <c r="H42" s="198">
        <v>283095</v>
      </c>
      <c r="I42" s="198">
        <v>139931</v>
      </c>
      <c r="J42" s="198">
        <v>143164</v>
      </c>
      <c r="K42" s="213">
        <v>136382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82961</v>
      </c>
      <c r="E44" s="198">
        <v>191401</v>
      </c>
      <c r="F44" s="198">
        <v>191560</v>
      </c>
      <c r="G44" s="198">
        <v>165882</v>
      </c>
      <c r="H44" s="198">
        <v>382540</v>
      </c>
      <c r="I44" s="198">
        <v>191158</v>
      </c>
      <c r="J44" s="198">
        <v>191382</v>
      </c>
      <c r="K44" s="213">
        <v>165971</v>
      </c>
    </row>
    <row r="45" spans="1:11" ht="9.75" customHeight="1">
      <c r="A45" s="206" t="s">
        <v>128</v>
      </c>
      <c r="B45" s="207"/>
      <c r="C45" s="39"/>
      <c r="D45" s="198">
        <v>257425</v>
      </c>
      <c r="E45" s="198">
        <v>128467</v>
      </c>
      <c r="F45" s="198">
        <v>128958</v>
      </c>
      <c r="G45" s="198">
        <v>113995</v>
      </c>
      <c r="H45" s="198">
        <v>257503</v>
      </c>
      <c r="I45" s="198">
        <v>128520</v>
      </c>
      <c r="J45" s="198">
        <v>128983</v>
      </c>
      <c r="K45" s="213">
        <v>114165</v>
      </c>
    </row>
    <row r="46" spans="1:11" ht="9.75" customHeight="1">
      <c r="A46" s="206" t="s">
        <v>129</v>
      </c>
      <c r="B46" s="207"/>
      <c r="C46" s="39"/>
      <c r="D46" s="198">
        <v>172659</v>
      </c>
      <c r="E46" s="198">
        <v>81042</v>
      </c>
      <c r="F46" s="198">
        <v>91617</v>
      </c>
      <c r="G46" s="198">
        <v>76763</v>
      </c>
      <c r="H46" s="198">
        <v>172663</v>
      </c>
      <c r="I46" s="198">
        <v>81056</v>
      </c>
      <c r="J46" s="198">
        <v>91607</v>
      </c>
      <c r="K46" s="213">
        <v>76848</v>
      </c>
    </row>
    <row r="47" spans="1:11" ht="9.75" customHeight="1">
      <c r="A47" s="206" t="s">
        <v>130</v>
      </c>
      <c r="B47" s="207"/>
      <c r="C47" s="39"/>
      <c r="D47" s="198">
        <v>442500</v>
      </c>
      <c r="E47" s="198">
        <v>218441</v>
      </c>
      <c r="F47" s="198">
        <v>224059</v>
      </c>
      <c r="G47" s="198">
        <v>199160</v>
      </c>
      <c r="H47" s="198">
        <v>442783</v>
      </c>
      <c r="I47" s="198">
        <v>218552</v>
      </c>
      <c r="J47" s="198">
        <v>224231</v>
      </c>
      <c r="K47" s="213">
        <v>199486</v>
      </c>
    </row>
    <row r="48" spans="1:11" ht="9.75" customHeight="1">
      <c r="A48" s="206" t="s">
        <v>131</v>
      </c>
      <c r="B48" s="207"/>
      <c r="C48" s="39"/>
      <c r="D48" s="198">
        <v>187680</v>
      </c>
      <c r="E48" s="198">
        <v>90662</v>
      </c>
      <c r="F48" s="198">
        <v>97018</v>
      </c>
      <c r="G48" s="198">
        <v>83461</v>
      </c>
      <c r="H48" s="198">
        <v>187564</v>
      </c>
      <c r="I48" s="198">
        <v>90572</v>
      </c>
      <c r="J48" s="198">
        <v>96992</v>
      </c>
      <c r="K48" s="213">
        <v>83505</v>
      </c>
    </row>
    <row r="49" spans="1:11" ht="9.75" customHeight="1">
      <c r="A49" s="206" t="s">
        <v>132</v>
      </c>
      <c r="B49" s="207"/>
      <c r="C49" s="39"/>
      <c r="D49" s="198">
        <v>243848</v>
      </c>
      <c r="E49" s="198">
        <v>118126</v>
      </c>
      <c r="F49" s="198">
        <v>125722</v>
      </c>
      <c r="G49" s="198">
        <v>105087</v>
      </c>
      <c r="H49" s="198">
        <v>243951</v>
      </c>
      <c r="I49" s="198">
        <v>118163</v>
      </c>
      <c r="J49" s="198">
        <v>125788</v>
      </c>
      <c r="K49" s="213">
        <v>105225</v>
      </c>
    </row>
    <row r="50" spans="1:11" ht="9.75" customHeight="1">
      <c r="A50" s="206" t="s">
        <v>133</v>
      </c>
      <c r="B50" s="207"/>
      <c r="C50" s="39"/>
      <c r="D50" s="198">
        <v>56788</v>
      </c>
      <c r="E50" s="198">
        <v>26616</v>
      </c>
      <c r="F50" s="198">
        <v>30172</v>
      </c>
      <c r="G50" s="198">
        <v>25187</v>
      </c>
      <c r="H50" s="198">
        <v>56740</v>
      </c>
      <c r="I50" s="198">
        <v>26592</v>
      </c>
      <c r="J50" s="198">
        <v>30148</v>
      </c>
      <c r="K50" s="213">
        <v>25173</v>
      </c>
    </row>
    <row r="51" spans="1:11" ht="9.75" customHeight="1">
      <c r="A51" s="206" t="s">
        <v>134</v>
      </c>
      <c r="B51" s="207"/>
      <c r="C51" s="39"/>
      <c r="D51" s="198">
        <v>41080</v>
      </c>
      <c r="E51" s="198">
        <v>19636</v>
      </c>
      <c r="F51" s="198">
        <v>21444</v>
      </c>
      <c r="G51" s="198">
        <v>17181</v>
      </c>
      <c r="H51" s="198">
        <v>41098</v>
      </c>
      <c r="I51" s="198">
        <v>19641</v>
      </c>
      <c r="J51" s="198">
        <v>21457</v>
      </c>
      <c r="K51" s="213">
        <v>17200</v>
      </c>
    </row>
    <row r="52" spans="1:11" ht="9.75" customHeight="1">
      <c r="A52" s="206" t="s">
        <v>135</v>
      </c>
      <c r="B52" s="207"/>
      <c r="C52" s="39"/>
      <c r="D52" s="198">
        <v>161756</v>
      </c>
      <c r="E52" s="198">
        <v>81707</v>
      </c>
      <c r="F52" s="198">
        <v>80049</v>
      </c>
      <c r="G52" s="198">
        <v>71667</v>
      </c>
      <c r="H52" s="198">
        <v>161745</v>
      </c>
      <c r="I52" s="198">
        <v>81716</v>
      </c>
      <c r="J52" s="198">
        <v>80029</v>
      </c>
      <c r="K52" s="213">
        <v>71803</v>
      </c>
    </row>
    <row r="53" spans="1:11" ht="9.75" customHeight="1">
      <c r="A53" s="206" t="s">
        <v>136</v>
      </c>
      <c r="B53" s="207"/>
      <c r="C53" s="39"/>
      <c r="D53" s="198">
        <v>223794</v>
      </c>
      <c r="E53" s="198">
        <v>115186</v>
      </c>
      <c r="F53" s="198">
        <v>108608</v>
      </c>
      <c r="G53" s="198">
        <v>102633</v>
      </c>
      <c r="H53" s="198">
        <v>223991</v>
      </c>
      <c r="I53" s="198">
        <v>115302</v>
      </c>
      <c r="J53" s="198">
        <v>108689</v>
      </c>
      <c r="K53" s="213">
        <v>102941</v>
      </c>
    </row>
    <row r="54" spans="1:11" ht="9.75" customHeight="1">
      <c r="A54" s="206" t="s">
        <v>137</v>
      </c>
      <c r="B54" s="207"/>
      <c r="C54" s="39"/>
      <c r="D54" s="198">
        <v>241678</v>
      </c>
      <c r="E54" s="198">
        <v>120472</v>
      </c>
      <c r="F54" s="198">
        <v>121206</v>
      </c>
      <c r="G54" s="198">
        <v>113434</v>
      </c>
      <c r="H54" s="198">
        <v>241956</v>
      </c>
      <c r="I54" s="198">
        <v>120610</v>
      </c>
      <c r="J54" s="198">
        <v>121346</v>
      </c>
      <c r="K54" s="213">
        <v>113670</v>
      </c>
    </row>
    <row r="55" spans="1:11" ht="9.75" customHeight="1">
      <c r="A55" s="206" t="s">
        <v>138</v>
      </c>
      <c r="B55" s="207"/>
      <c r="C55" s="39"/>
      <c r="D55" s="198">
        <v>101180</v>
      </c>
      <c r="E55" s="198">
        <v>51205</v>
      </c>
      <c r="F55" s="198">
        <v>49975</v>
      </c>
      <c r="G55" s="198">
        <v>46007</v>
      </c>
      <c r="H55" s="198">
        <v>101273</v>
      </c>
      <c r="I55" s="198">
        <v>51277</v>
      </c>
      <c r="J55" s="198">
        <v>49996</v>
      </c>
      <c r="K55" s="213">
        <v>46167</v>
      </c>
    </row>
    <row r="56" spans="1:11" ht="9.75" customHeight="1">
      <c r="A56" s="206" t="s">
        <v>139</v>
      </c>
      <c r="B56" s="207"/>
      <c r="C56" s="39"/>
      <c r="D56" s="198">
        <v>138651</v>
      </c>
      <c r="E56" s="198">
        <v>69616</v>
      </c>
      <c r="F56" s="198">
        <v>69035</v>
      </c>
      <c r="G56" s="198">
        <v>60304</v>
      </c>
      <c r="H56" s="198">
        <v>138856</v>
      </c>
      <c r="I56" s="198">
        <v>69698</v>
      </c>
      <c r="J56" s="198">
        <v>69158</v>
      </c>
      <c r="K56" s="213">
        <v>60467</v>
      </c>
    </row>
    <row r="57" spans="1:11" ht="9.75" customHeight="1">
      <c r="A57" s="206" t="s">
        <v>140</v>
      </c>
      <c r="B57" s="207"/>
      <c r="C57" s="39"/>
      <c r="D57" s="198">
        <v>131903</v>
      </c>
      <c r="E57" s="198">
        <v>65604</v>
      </c>
      <c r="F57" s="198">
        <v>66299</v>
      </c>
      <c r="G57" s="198">
        <v>60954</v>
      </c>
      <c r="H57" s="198">
        <v>132064</v>
      </c>
      <c r="I57" s="198">
        <v>65715</v>
      </c>
      <c r="J57" s="198">
        <v>66349</v>
      </c>
      <c r="K57" s="213">
        <v>61126</v>
      </c>
    </row>
    <row r="58" spans="1:11" ht="9.75" customHeight="1">
      <c r="A58" s="206" t="s">
        <v>141</v>
      </c>
      <c r="B58" s="207"/>
      <c r="C58" s="39"/>
      <c r="D58" s="198">
        <v>40197</v>
      </c>
      <c r="E58" s="198">
        <v>19669</v>
      </c>
      <c r="F58" s="198">
        <v>20528</v>
      </c>
      <c r="G58" s="198">
        <v>16415</v>
      </c>
      <c r="H58" s="198">
        <v>40226</v>
      </c>
      <c r="I58" s="198">
        <v>19695</v>
      </c>
      <c r="J58" s="198">
        <v>20531</v>
      </c>
      <c r="K58" s="213">
        <v>16474</v>
      </c>
    </row>
    <row r="59" spans="1:11" ht="9.75" customHeight="1">
      <c r="A59" s="206" t="s">
        <v>142</v>
      </c>
      <c r="B59" s="207"/>
      <c r="C59" s="39"/>
      <c r="D59" s="198">
        <v>83261</v>
      </c>
      <c r="E59" s="198">
        <v>42072</v>
      </c>
      <c r="F59" s="198">
        <v>41189</v>
      </c>
      <c r="G59" s="198">
        <v>35106</v>
      </c>
      <c r="H59" s="198">
        <v>83355</v>
      </c>
      <c r="I59" s="198">
        <v>42147</v>
      </c>
      <c r="J59" s="198">
        <v>41208</v>
      </c>
      <c r="K59" s="213">
        <v>35208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5">
        <v>31578</v>
      </c>
      <c r="E61" s="198">
        <v>14840</v>
      </c>
      <c r="F61" s="198">
        <v>16738</v>
      </c>
      <c r="G61" s="198">
        <v>13123</v>
      </c>
      <c r="H61" s="198">
        <v>31552</v>
      </c>
      <c r="I61" s="198">
        <v>14807</v>
      </c>
      <c r="J61" s="198">
        <v>16745</v>
      </c>
      <c r="K61" s="213">
        <v>13131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5">
        <v>48554</v>
      </c>
      <c r="E63" s="198">
        <v>24607</v>
      </c>
      <c r="F63" s="198">
        <v>23947</v>
      </c>
      <c r="G63" s="198">
        <v>20335</v>
      </c>
      <c r="H63" s="198">
        <v>48553</v>
      </c>
      <c r="I63" s="198">
        <v>24610</v>
      </c>
      <c r="J63" s="198">
        <v>23943</v>
      </c>
      <c r="K63" s="213">
        <v>20358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579</v>
      </c>
      <c r="E65" s="203">
        <v>28364</v>
      </c>
      <c r="F65" s="203">
        <v>30215</v>
      </c>
      <c r="G65" s="203">
        <v>24475</v>
      </c>
      <c r="H65" s="203">
        <v>58583</v>
      </c>
      <c r="I65" s="203">
        <v>28379</v>
      </c>
      <c r="J65" s="203">
        <v>30204</v>
      </c>
      <c r="K65" s="214">
        <v>24516</v>
      </c>
    </row>
    <row r="66" spans="1:11" ht="9.75" customHeight="1">
      <c r="A66" s="37"/>
      <c r="B66" s="108" t="s">
        <v>146</v>
      </c>
      <c r="C66" s="39"/>
      <c r="D66" s="198">
        <v>31378</v>
      </c>
      <c r="E66" s="198">
        <v>15285</v>
      </c>
      <c r="F66" s="198">
        <v>16093</v>
      </c>
      <c r="G66" s="198">
        <v>12834</v>
      </c>
      <c r="H66" s="198">
        <v>31388</v>
      </c>
      <c r="I66" s="198">
        <v>15299</v>
      </c>
      <c r="J66" s="198">
        <v>16089</v>
      </c>
      <c r="K66" s="213">
        <v>12861</v>
      </c>
    </row>
    <row r="67" spans="1:11" ht="9.75" customHeight="1">
      <c r="A67" s="37"/>
      <c r="B67" s="108" t="s">
        <v>147</v>
      </c>
      <c r="C67" s="39"/>
      <c r="D67" s="198">
        <v>27201</v>
      </c>
      <c r="E67" s="198">
        <v>13079</v>
      </c>
      <c r="F67" s="198">
        <v>14122</v>
      </c>
      <c r="G67" s="198">
        <v>11641</v>
      </c>
      <c r="H67" s="198">
        <v>27195</v>
      </c>
      <c r="I67" s="198">
        <v>13080</v>
      </c>
      <c r="J67" s="198">
        <v>14115</v>
      </c>
      <c r="K67" s="213">
        <v>11655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4859</v>
      </c>
      <c r="E69" s="203">
        <v>31903</v>
      </c>
      <c r="F69" s="203">
        <v>32956</v>
      </c>
      <c r="G69" s="203">
        <v>25970</v>
      </c>
      <c r="H69" s="203">
        <v>64798</v>
      </c>
      <c r="I69" s="203">
        <v>31885</v>
      </c>
      <c r="J69" s="203">
        <v>32913</v>
      </c>
      <c r="K69" s="214">
        <v>25976</v>
      </c>
    </row>
    <row r="70" spans="1:11" ht="9.75" customHeight="1">
      <c r="A70" s="37"/>
      <c r="B70" s="108" t="s">
        <v>149</v>
      </c>
      <c r="C70" s="39"/>
      <c r="D70" s="198">
        <v>9076</v>
      </c>
      <c r="E70" s="198">
        <v>4532</v>
      </c>
      <c r="F70" s="198">
        <v>4544</v>
      </c>
      <c r="G70" s="198">
        <v>3422</v>
      </c>
      <c r="H70" s="198">
        <v>9074</v>
      </c>
      <c r="I70" s="198">
        <v>4534</v>
      </c>
      <c r="J70" s="198">
        <v>4540</v>
      </c>
      <c r="K70" s="213">
        <v>3424</v>
      </c>
    </row>
    <row r="71" spans="1:11" ht="9.75" customHeight="1">
      <c r="A71" s="37"/>
      <c r="B71" s="108" t="s">
        <v>150</v>
      </c>
      <c r="C71" s="39"/>
      <c r="D71" s="198">
        <v>17165</v>
      </c>
      <c r="E71" s="198">
        <v>8424</v>
      </c>
      <c r="F71" s="198">
        <v>8741</v>
      </c>
      <c r="G71" s="198">
        <v>6892</v>
      </c>
      <c r="H71" s="198">
        <v>17182</v>
      </c>
      <c r="I71" s="198">
        <v>8438</v>
      </c>
      <c r="J71" s="198">
        <v>8744</v>
      </c>
      <c r="K71" s="213">
        <v>6914</v>
      </c>
    </row>
    <row r="72" spans="1:11" ht="9.75" customHeight="1">
      <c r="A72" s="37"/>
      <c r="B72" s="108" t="s">
        <v>151</v>
      </c>
      <c r="C72" s="39"/>
      <c r="D72" s="198">
        <v>10564</v>
      </c>
      <c r="E72" s="198">
        <v>5227</v>
      </c>
      <c r="F72" s="198">
        <v>5337</v>
      </c>
      <c r="G72" s="198">
        <v>4571</v>
      </c>
      <c r="H72" s="198">
        <v>10541</v>
      </c>
      <c r="I72" s="198">
        <v>5218</v>
      </c>
      <c r="J72" s="198">
        <v>5323</v>
      </c>
      <c r="K72" s="213">
        <v>4560</v>
      </c>
    </row>
    <row r="73" spans="1:11" ht="9.75" customHeight="1">
      <c r="A73" s="37"/>
      <c r="B73" s="108" t="s">
        <v>152</v>
      </c>
      <c r="C73" s="39"/>
      <c r="D73" s="198">
        <v>9484</v>
      </c>
      <c r="E73" s="198">
        <v>4697</v>
      </c>
      <c r="F73" s="198">
        <v>4787</v>
      </c>
      <c r="G73" s="198">
        <v>3933</v>
      </c>
      <c r="H73" s="198">
        <v>9430</v>
      </c>
      <c r="I73" s="198">
        <v>4673</v>
      </c>
      <c r="J73" s="198">
        <v>4757</v>
      </c>
      <c r="K73" s="213">
        <v>3917</v>
      </c>
    </row>
    <row r="74" spans="1:11" ht="9.75" customHeight="1">
      <c r="A74" s="37"/>
      <c r="B74" s="108" t="s">
        <v>153</v>
      </c>
      <c r="C74" s="39"/>
      <c r="D74" s="198">
        <v>18570</v>
      </c>
      <c r="E74" s="198">
        <v>9023</v>
      </c>
      <c r="F74" s="198">
        <v>9547</v>
      </c>
      <c r="G74" s="198">
        <v>7152</v>
      </c>
      <c r="H74" s="198">
        <v>18571</v>
      </c>
      <c r="I74" s="198">
        <v>9022</v>
      </c>
      <c r="J74" s="198">
        <v>9549</v>
      </c>
      <c r="K74" s="213">
        <v>7161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543</v>
      </c>
      <c r="E76" s="203">
        <v>19021</v>
      </c>
      <c r="F76" s="203">
        <v>21522</v>
      </c>
      <c r="G76" s="203">
        <v>20105</v>
      </c>
      <c r="H76" s="203">
        <v>40490</v>
      </c>
      <c r="I76" s="203">
        <v>18975</v>
      </c>
      <c r="J76" s="203">
        <v>21515</v>
      </c>
      <c r="K76" s="214">
        <v>20081</v>
      </c>
    </row>
    <row r="77" spans="1:11" ht="9.75" customHeight="1">
      <c r="A77" s="37"/>
      <c r="B77" s="108" t="s">
        <v>155</v>
      </c>
      <c r="C77" s="39"/>
      <c r="D77" s="198">
        <v>11064</v>
      </c>
      <c r="E77" s="198">
        <v>5326</v>
      </c>
      <c r="F77" s="198">
        <v>5738</v>
      </c>
      <c r="G77" s="198">
        <v>6384</v>
      </c>
      <c r="H77" s="198">
        <v>11035</v>
      </c>
      <c r="I77" s="198">
        <v>5306</v>
      </c>
      <c r="J77" s="198">
        <v>5729</v>
      </c>
      <c r="K77" s="213">
        <v>6372</v>
      </c>
    </row>
    <row r="78" spans="1:11" ht="9.75" customHeight="1">
      <c r="A78" s="37"/>
      <c r="B78" s="108" t="s">
        <v>156</v>
      </c>
      <c r="C78" s="39"/>
      <c r="D78" s="198">
        <v>6531</v>
      </c>
      <c r="E78" s="198">
        <v>3023</v>
      </c>
      <c r="F78" s="198">
        <v>3508</v>
      </c>
      <c r="G78" s="198">
        <v>2940</v>
      </c>
      <c r="H78" s="198">
        <v>6540</v>
      </c>
      <c r="I78" s="198">
        <v>3030</v>
      </c>
      <c r="J78" s="198">
        <v>3510</v>
      </c>
      <c r="K78" s="213">
        <v>2945</v>
      </c>
    </row>
    <row r="79" spans="1:11" ht="9.75" customHeight="1">
      <c r="A79" s="37"/>
      <c r="B79" s="108" t="s">
        <v>157</v>
      </c>
      <c r="C79" s="39"/>
      <c r="D79" s="198">
        <v>22948</v>
      </c>
      <c r="E79" s="198">
        <v>10672</v>
      </c>
      <c r="F79" s="198">
        <v>12276</v>
      </c>
      <c r="G79" s="198">
        <v>10781</v>
      </c>
      <c r="H79" s="198">
        <v>22915</v>
      </c>
      <c r="I79" s="198">
        <v>10639</v>
      </c>
      <c r="J79" s="198">
        <v>12276</v>
      </c>
      <c r="K79" s="213">
        <v>10764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435</v>
      </c>
      <c r="E81" s="203">
        <v>22178</v>
      </c>
      <c r="F81" s="203">
        <v>20257</v>
      </c>
      <c r="G81" s="203">
        <v>18462</v>
      </c>
      <c r="H81" s="203">
        <v>42429</v>
      </c>
      <c r="I81" s="203">
        <v>22173</v>
      </c>
      <c r="J81" s="203">
        <v>20256</v>
      </c>
      <c r="K81" s="214">
        <v>18489</v>
      </c>
    </row>
    <row r="82" spans="1:11" ht="9.75" customHeight="1">
      <c r="A82" s="37"/>
      <c r="B82" s="108" t="s">
        <v>159</v>
      </c>
      <c r="C82" s="39"/>
      <c r="D82" s="198">
        <v>39450</v>
      </c>
      <c r="E82" s="198">
        <v>20660</v>
      </c>
      <c r="F82" s="198">
        <v>18790</v>
      </c>
      <c r="G82" s="198">
        <v>17333</v>
      </c>
      <c r="H82" s="198">
        <v>39445</v>
      </c>
      <c r="I82" s="198">
        <v>20654</v>
      </c>
      <c r="J82" s="198">
        <v>18791</v>
      </c>
      <c r="K82" s="213">
        <v>17362</v>
      </c>
    </row>
    <row r="83" spans="1:11" ht="9.75" customHeight="1">
      <c r="A83" s="37"/>
      <c r="B83" s="108" t="s">
        <v>160</v>
      </c>
      <c r="C83" s="39"/>
      <c r="D83" s="198">
        <v>2985</v>
      </c>
      <c r="E83" s="198">
        <v>1518</v>
      </c>
      <c r="F83" s="198">
        <v>1467</v>
      </c>
      <c r="G83" s="198">
        <v>1129</v>
      </c>
      <c r="H83" s="198">
        <v>2984</v>
      </c>
      <c r="I83" s="198">
        <v>1519</v>
      </c>
      <c r="J83" s="198">
        <v>1465</v>
      </c>
      <c r="K83" s="213">
        <v>1127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81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82</v>
      </c>
      <c r="E3" s="79"/>
      <c r="F3" s="79"/>
      <c r="G3" s="209"/>
      <c r="H3" s="90" t="s">
        <v>183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37123</v>
      </c>
      <c r="E6" s="17">
        <v>4581500</v>
      </c>
      <c r="F6" s="17">
        <v>4655623</v>
      </c>
      <c r="G6" s="17">
        <v>4304058</v>
      </c>
      <c r="H6" s="17">
        <v>9235529</v>
      </c>
      <c r="I6" s="17">
        <v>4580129</v>
      </c>
      <c r="J6" s="17">
        <v>4655400</v>
      </c>
      <c r="K6" s="211">
        <v>4305564</v>
      </c>
    </row>
    <row r="7" spans="1:22" s="29" customFormat="1" ht="9.75" customHeight="1">
      <c r="A7" s="193" t="s">
        <v>96</v>
      </c>
      <c r="B7" s="194"/>
      <c r="C7" s="32"/>
      <c r="D7" s="195">
        <v>8950823</v>
      </c>
      <c r="E7" s="195">
        <v>4440724</v>
      </c>
      <c r="F7" s="195">
        <v>4510099</v>
      </c>
      <c r="G7" s="195">
        <v>4181461</v>
      </c>
      <c r="H7" s="195">
        <v>8949276</v>
      </c>
      <c r="I7" s="195">
        <v>4439381</v>
      </c>
      <c r="J7" s="195">
        <v>4509895</v>
      </c>
      <c r="K7" s="212">
        <v>4182895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6300</v>
      </c>
      <c r="E8" s="195">
        <v>140776</v>
      </c>
      <c r="F8" s="195">
        <v>145524</v>
      </c>
      <c r="G8" s="195">
        <v>122597</v>
      </c>
      <c r="H8" s="195">
        <v>286253</v>
      </c>
      <c r="I8" s="195">
        <v>140748</v>
      </c>
      <c r="J8" s="195">
        <v>145505</v>
      </c>
      <c r="K8" s="212">
        <v>122669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73673</v>
      </c>
      <c r="E10" s="203">
        <v>1862176</v>
      </c>
      <c r="F10" s="203">
        <v>1911497</v>
      </c>
      <c r="G10" s="203">
        <v>1780633</v>
      </c>
      <c r="H10" s="203">
        <v>3773607</v>
      </c>
      <c r="I10" s="203">
        <v>1861857</v>
      </c>
      <c r="J10" s="203">
        <v>1911750</v>
      </c>
      <c r="K10" s="214">
        <v>1781296</v>
      </c>
    </row>
    <row r="11" spans="1:22" ht="9.75" customHeight="1">
      <c r="A11" s="37"/>
      <c r="B11" s="108" t="s">
        <v>99</v>
      </c>
      <c r="C11" s="39"/>
      <c r="D11" s="198">
        <v>295933</v>
      </c>
      <c r="E11" s="198">
        <v>152564</v>
      </c>
      <c r="F11" s="198">
        <v>143369</v>
      </c>
      <c r="G11" s="198">
        <v>146782</v>
      </c>
      <c r="H11" s="198">
        <v>295775</v>
      </c>
      <c r="I11" s="198">
        <v>152464</v>
      </c>
      <c r="J11" s="198">
        <v>143311</v>
      </c>
      <c r="K11" s="213">
        <v>146706</v>
      </c>
    </row>
    <row r="12" spans="1:22" ht="9.75" customHeight="1">
      <c r="A12" s="37"/>
      <c r="B12" s="108" t="s">
        <v>100</v>
      </c>
      <c r="C12" s="39"/>
      <c r="D12" s="198">
        <v>248993</v>
      </c>
      <c r="E12" s="198">
        <v>126959</v>
      </c>
      <c r="F12" s="198">
        <v>122034</v>
      </c>
      <c r="G12" s="198">
        <v>132137</v>
      </c>
      <c r="H12" s="198">
        <v>249164</v>
      </c>
      <c r="I12" s="198">
        <v>127001</v>
      </c>
      <c r="J12" s="198">
        <v>122163</v>
      </c>
      <c r="K12" s="213">
        <v>132271</v>
      </c>
    </row>
    <row r="13" spans="1:22" ht="9.75" customHeight="1">
      <c r="A13" s="37"/>
      <c r="B13" s="108" t="s">
        <v>101</v>
      </c>
      <c r="C13" s="39"/>
      <c r="D13" s="198">
        <v>105308</v>
      </c>
      <c r="E13" s="198">
        <v>53154</v>
      </c>
      <c r="F13" s="198">
        <v>52154</v>
      </c>
      <c r="G13" s="198">
        <v>58097</v>
      </c>
      <c r="H13" s="198">
        <v>105582</v>
      </c>
      <c r="I13" s="198">
        <v>53318</v>
      </c>
      <c r="J13" s="198">
        <v>52264</v>
      </c>
      <c r="K13" s="213">
        <v>58252</v>
      </c>
    </row>
    <row r="14" spans="1:22" ht="9.75" customHeight="1">
      <c r="A14" s="37"/>
      <c r="B14" s="108" t="s">
        <v>102</v>
      </c>
      <c r="C14" s="39"/>
      <c r="D14" s="198">
        <v>150743</v>
      </c>
      <c r="E14" s="198">
        <v>76626</v>
      </c>
      <c r="F14" s="198">
        <v>74117</v>
      </c>
      <c r="G14" s="198">
        <v>85756</v>
      </c>
      <c r="H14" s="198">
        <v>150782</v>
      </c>
      <c r="I14" s="198">
        <v>76606</v>
      </c>
      <c r="J14" s="198">
        <v>74176</v>
      </c>
      <c r="K14" s="213">
        <v>85820</v>
      </c>
    </row>
    <row r="15" spans="1:22" ht="9.75" customHeight="1">
      <c r="A15" s="37"/>
      <c r="B15" s="108" t="s">
        <v>103</v>
      </c>
      <c r="C15" s="39"/>
      <c r="D15" s="198">
        <v>197975</v>
      </c>
      <c r="E15" s="198">
        <v>98715</v>
      </c>
      <c r="F15" s="198">
        <v>99260</v>
      </c>
      <c r="G15" s="198">
        <v>105862</v>
      </c>
      <c r="H15" s="198">
        <v>197919</v>
      </c>
      <c r="I15" s="198">
        <v>98714</v>
      </c>
      <c r="J15" s="198">
        <v>99205</v>
      </c>
      <c r="K15" s="213">
        <v>105863</v>
      </c>
    </row>
    <row r="16" spans="1:22" ht="9.75" customHeight="1">
      <c r="A16" s="37"/>
      <c r="B16" s="108" t="s">
        <v>104</v>
      </c>
      <c r="C16" s="39"/>
      <c r="D16" s="198">
        <v>214790</v>
      </c>
      <c r="E16" s="198">
        <v>104571</v>
      </c>
      <c r="F16" s="198">
        <v>110219</v>
      </c>
      <c r="G16" s="198">
        <v>96944</v>
      </c>
      <c r="H16" s="198">
        <v>214683</v>
      </c>
      <c r="I16" s="198">
        <v>104491</v>
      </c>
      <c r="J16" s="198">
        <v>110192</v>
      </c>
      <c r="K16" s="213">
        <v>96956</v>
      </c>
    </row>
    <row r="17" spans="1:11" ht="9.75" customHeight="1">
      <c r="A17" s="37"/>
      <c r="B17" s="108" t="s">
        <v>105</v>
      </c>
      <c r="C17" s="39"/>
      <c r="D17" s="198">
        <v>206245</v>
      </c>
      <c r="E17" s="198">
        <v>101054</v>
      </c>
      <c r="F17" s="198">
        <v>105191</v>
      </c>
      <c r="G17" s="198">
        <v>100168</v>
      </c>
      <c r="H17" s="198">
        <v>206267</v>
      </c>
      <c r="I17" s="198">
        <v>101035</v>
      </c>
      <c r="J17" s="198">
        <v>105232</v>
      </c>
      <c r="K17" s="213">
        <v>100226</v>
      </c>
    </row>
    <row r="18" spans="1:11" ht="9.75" customHeight="1">
      <c r="A18" s="37"/>
      <c r="B18" s="108" t="s">
        <v>106</v>
      </c>
      <c r="C18" s="39"/>
      <c r="D18" s="198">
        <v>242871</v>
      </c>
      <c r="E18" s="198">
        <v>117005</v>
      </c>
      <c r="F18" s="198">
        <v>125866</v>
      </c>
      <c r="G18" s="198">
        <v>107767</v>
      </c>
      <c r="H18" s="198">
        <v>242757</v>
      </c>
      <c r="I18" s="198">
        <v>116932</v>
      </c>
      <c r="J18" s="198">
        <v>125825</v>
      </c>
      <c r="K18" s="213">
        <v>107727</v>
      </c>
    </row>
    <row r="19" spans="1:11" ht="9.75" customHeight="1">
      <c r="A19" s="37"/>
      <c r="B19" s="108" t="s">
        <v>107</v>
      </c>
      <c r="C19" s="39"/>
      <c r="D19" s="198">
        <v>165850</v>
      </c>
      <c r="E19" s="198">
        <v>81553</v>
      </c>
      <c r="F19" s="198">
        <v>84297</v>
      </c>
      <c r="G19" s="198">
        <v>79430</v>
      </c>
      <c r="H19" s="198">
        <v>165844</v>
      </c>
      <c r="I19" s="198">
        <v>81566</v>
      </c>
      <c r="J19" s="198">
        <v>84278</v>
      </c>
      <c r="K19" s="213">
        <v>79463</v>
      </c>
    </row>
    <row r="20" spans="1:11" ht="9.75" customHeight="1">
      <c r="A20" s="37"/>
      <c r="B20" s="108" t="s">
        <v>108</v>
      </c>
      <c r="C20" s="39"/>
      <c r="D20" s="198">
        <v>196751</v>
      </c>
      <c r="E20" s="198">
        <v>95601</v>
      </c>
      <c r="F20" s="198">
        <v>101150</v>
      </c>
      <c r="G20" s="198">
        <v>90606</v>
      </c>
      <c r="H20" s="198">
        <v>196899</v>
      </c>
      <c r="I20" s="198">
        <v>95583</v>
      </c>
      <c r="J20" s="198">
        <v>101316</v>
      </c>
      <c r="K20" s="213">
        <v>90850</v>
      </c>
    </row>
    <row r="21" spans="1:11" ht="9.75" customHeight="1">
      <c r="A21" s="37"/>
      <c r="B21" s="108" t="s">
        <v>109</v>
      </c>
      <c r="C21" s="39"/>
      <c r="D21" s="198">
        <v>361568</v>
      </c>
      <c r="E21" s="198">
        <v>180204</v>
      </c>
      <c r="F21" s="198">
        <v>181364</v>
      </c>
      <c r="G21" s="198">
        <v>179082</v>
      </c>
      <c r="H21" s="198">
        <v>361729</v>
      </c>
      <c r="I21" s="198">
        <v>180276</v>
      </c>
      <c r="J21" s="198">
        <v>181453</v>
      </c>
      <c r="K21" s="213">
        <v>179101</v>
      </c>
    </row>
    <row r="22" spans="1:11" ht="9.75" customHeight="1">
      <c r="A22" s="37"/>
      <c r="B22" s="108" t="s">
        <v>110</v>
      </c>
      <c r="C22" s="39"/>
      <c r="D22" s="198">
        <v>182979</v>
      </c>
      <c r="E22" s="198">
        <v>89852</v>
      </c>
      <c r="F22" s="198">
        <v>93127</v>
      </c>
      <c r="G22" s="198">
        <v>80799</v>
      </c>
      <c r="H22" s="198">
        <v>182873</v>
      </c>
      <c r="I22" s="198">
        <v>89777</v>
      </c>
      <c r="J22" s="198">
        <v>93096</v>
      </c>
      <c r="K22" s="213">
        <v>80769</v>
      </c>
    </row>
    <row r="23" spans="1:11" ht="9.75" customHeight="1">
      <c r="A23" s="37"/>
      <c r="B23" s="108" t="s">
        <v>111</v>
      </c>
      <c r="C23" s="39"/>
      <c r="D23" s="198">
        <v>310757</v>
      </c>
      <c r="E23" s="198">
        <v>149858</v>
      </c>
      <c r="F23" s="198">
        <v>160899</v>
      </c>
      <c r="G23" s="198">
        <v>135033</v>
      </c>
      <c r="H23" s="198">
        <v>310694</v>
      </c>
      <c r="I23" s="198">
        <v>149797</v>
      </c>
      <c r="J23" s="198">
        <v>160897</v>
      </c>
      <c r="K23" s="213">
        <v>135092</v>
      </c>
    </row>
    <row r="24" spans="1:11" ht="9.75" customHeight="1">
      <c r="A24" s="37"/>
      <c r="B24" s="108" t="s">
        <v>112</v>
      </c>
      <c r="C24" s="39"/>
      <c r="D24" s="198">
        <v>214756</v>
      </c>
      <c r="E24" s="198">
        <v>105114</v>
      </c>
      <c r="F24" s="198">
        <v>109642</v>
      </c>
      <c r="G24" s="198">
        <v>87001</v>
      </c>
      <c r="H24" s="198">
        <v>214652</v>
      </c>
      <c r="I24" s="198">
        <v>105046</v>
      </c>
      <c r="J24" s="198">
        <v>109606</v>
      </c>
      <c r="K24" s="213">
        <v>86975</v>
      </c>
    </row>
    <row r="25" spans="1:11" ht="9.75" customHeight="1">
      <c r="A25" s="37"/>
      <c r="B25" s="108" t="s">
        <v>113</v>
      </c>
      <c r="C25" s="39"/>
      <c r="D25" s="198">
        <v>283686</v>
      </c>
      <c r="E25" s="198">
        <v>138134</v>
      </c>
      <c r="F25" s="198">
        <v>145552</v>
      </c>
      <c r="G25" s="198">
        <v>124074</v>
      </c>
      <c r="H25" s="198">
        <v>283671</v>
      </c>
      <c r="I25" s="198">
        <v>138117</v>
      </c>
      <c r="J25" s="198">
        <v>145554</v>
      </c>
      <c r="K25" s="213">
        <v>124089</v>
      </c>
    </row>
    <row r="26" spans="1:11" ht="9.75" customHeight="1">
      <c r="A26" s="37"/>
      <c r="B26" s="108" t="s">
        <v>114</v>
      </c>
      <c r="C26" s="39"/>
      <c r="D26" s="198">
        <v>121060</v>
      </c>
      <c r="E26" s="198">
        <v>58953</v>
      </c>
      <c r="F26" s="198">
        <v>62107</v>
      </c>
      <c r="G26" s="198">
        <v>54040</v>
      </c>
      <c r="H26" s="198">
        <v>121015</v>
      </c>
      <c r="I26" s="198">
        <v>58936</v>
      </c>
      <c r="J26" s="198">
        <v>62079</v>
      </c>
      <c r="K26" s="213">
        <v>54013</v>
      </c>
    </row>
    <row r="27" spans="1:11" ht="9.75" customHeight="1">
      <c r="A27" s="37"/>
      <c r="B27" s="108" t="s">
        <v>115</v>
      </c>
      <c r="C27" s="39"/>
      <c r="D27" s="198">
        <v>151718</v>
      </c>
      <c r="E27" s="198">
        <v>73474</v>
      </c>
      <c r="F27" s="198">
        <v>78244</v>
      </c>
      <c r="G27" s="198">
        <v>63813</v>
      </c>
      <c r="H27" s="198">
        <v>151657</v>
      </c>
      <c r="I27" s="198">
        <v>73435</v>
      </c>
      <c r="J27" s="198">
        <v>78222</v>
      </c>
      <c r="K27" s="213">
        <v>63849</v>
      </c>
    </row>
    <row r="28" spans="1:11" ht="9.75" customHeight="1">
      <c r="A28" s="37"/>
      <c r="B28" s="108" t="s">
        <v>116</v>
      </c>
      <c r="C28" s="39"/>
      <c r="D28" s="198">
        <v>121690</v>
      </c>
      <c r="E28" s="198">
        <v>58785</v>
      </c>
      <c r="F28" s="198">
        <v>62905</v>
      </c>
      <c r="G28" s="198">
        <v>53242</v>
      </c>
      <c r="H28" s="198">
        <v>121644</v>
      </c>
      <c r="I28" s="198">
        <v>58763</v>
      </c>
      <c r="J28" s="198">
        <v>62881</v>
      </c>
      <c r="K28" s="213">
        <v>53274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42044</v>
      </c>
      <c r="E30" s="203">
        <v>776286</v>
      </c>
      <c r="F30" s="203">
        <v>765758</v>
      </c>
      <c r="G30" s="203">
        <v>762792</v>
      </c>
      <c r="H30" s="203">
        <v>1541488</v>
      </c>
      <c r="I30" s="203">
        <v>775978</v>
      </c>
      <c r="J30" s="203">
        <v>765510</v>
      </c>
      <c r="K30" s="214">
        <v>762555</v>
      </c>
    </row>
    <row r="31" spans="1:11" ht="9.75" customHeight="1">
      <c r="A31" s="37"/>
      <c r="B31" s="108" t="s">
        <v>118</v>
      </c>
      <c r="C31" s="39"/>
      <c r="D31" s="198">
        <v>230699</v>
      </c>
      <c r="E31" s="198">
        <v>124035</v>
      </c>
      <c r="F31" s="198">
        <v>106664</v>
      </c>
      <c r="G31" s="198">
        <v>124491</v>
      </c>
      <c r="H31" s="198">
        <v>230540</v>
      </c>
      <c r="I31" s="198">
        <v>123940</v>
      </c>
      <c r="J31" s="198">
        <v>106600</v>
      </c>
      <c r="K31" s="213">
        <v>124396</v>
      </c>
    </row>
    <row r="32" spans="1:11" ht="9.75" customHeight="1">
      <c r="A32" s="37"/>
      <c r="B32" s="108" t="s">
        <v>119</v>
      </c>
      <c r="C32" s="39"/>
      <c r="D32" s="198">
        <v>171583</v>
      </c>
      <c r="E32" s="198">
        <v>86680</v>
      </c>
      <c r="F32" s="198">
        <v>84903</v>
      </c>
      <c r="G32" s="198">
        <v>81352</v>
      </c>
      <c r="H32" s="198">
        <v>171611</v>
      </c>
      <c r="I32" s="198">
        <v>86700</v>
      </c>
      <c r="J32" s="198">
        <v>84911</v>
      </c>
      <c r="K32" s="213">
        <v>81378</v>
      </c>
    </row>
    <row r="33" spans="1:11" ht="9.75" customHeight="1">
      <c r="A33" s="37"/>
      <c r="B33" s="108" t="s">
        <v>120</v>
      </c>
      <c r="C33" s="39"/>
      <c r="D33" s="198">
        <v>264992</v>
      </c>
      <c r="E33" s="198">
        <v>134099</v>
      </c>
      <c r="F33" s="198">
        <v>130893</v>
      </c>
      <c r="G33" s="198">
        <v>137560</v>
      </c>
      <c r="H33" s="198">
        <v>264899</v>
      </c>
      <c r="I33" s="198">
        <v>134002</v>
      </c>
      <c r="J33" s="198">
        <v>130897</v>
      </c>
      <c r="K33" s="213">
        <v>137453</v>
      </c>
    </row>
    <row r="34" spans="1:11" ht="9.75" customHeight="1">
      <c r="A34" s="37"/>
      <c r="B34" s="108" t="s">
        <v>121</v>
      </c>
      <c r="C34" s="39"/>
      <c r="D34" s="198">
        <v>234461</v>
      </c>
      <c r="E34" s="198">
        <v>116124</v>
      </c>
      <c r="F34" s="198">
        <v>118337</v>
      </c>
      <c r="G34" s="198">
        <v>115783</v>
      </c>
      <c r="H34" s="198">
        <v>234333</v>
      </c>
      <c r="I34" s="198">
        <v>116061</v>
      </c>
      <c r="J34" s="198">
        <v>118272</v>
      </c>
      <c r="K34" s="213">
        <v>115748</v>
      </c>
    </row>
    <row r="35" spans="1:11" ht="9.75" customHeight="1">
      <c r="A35" s="37"/>
      <c r="B35" s="108" t="s">
        <v>122</v>
      </c>
      <c r="C35" s="39"/>
      <c r="D35" s="198">
        <v>235034</v>
      </c>
      <c r="E35" s="198">
        <v>113858</v>
      </c>
      <c r="F35" s="198">
        <v>121176</v>
      </c>
      <c r="G35" s="198">
        <v>104958</v>
      </c>
      <c r="H35" s="198">
        <v>235092</v>
      </c>
      <c r="I35" s="198">
        <v>113882</v>
      </c>
      <c r="J35" s="198">
        <v>121210</v>
      </c>
      <c r="K35" s="213">
        <v>105005</v>
      </c>
    </row>
    <row r="36" spans="1:11" ht="9.75" customHeight="1">
      <c r="A36" s="37"/>
      <c r="B36" s="108" t="s">
        <v>123</v>
      </c>
      <c r="C36" s="39"/>
      <c r="D36" s="198">
        <v>224269</v>
      </c>
      <c r="E36" s="198">
        <v>114198</v>
      </c>
      <c r="F36" s="198">
        <v>110071</v>
      </c>
      <c r="G36" s="198">
        <v>117537</v>
      </c>
      <c r="H36" s="198">
        <v>224114</v>
      </c>
      <c r="I36" s="198">
        <v>114133</v>
      </c>
      <c r="J36" s="198">
        <v>109981</v>
      </c>
      <c r="K36" s="213">
        <v>117493</v>
      </c>
    </row>
    <row r="37" spans="1:11" ht="9.75" customHeight="1">
      <c r="A37" s="37"/>
      <c r="B37" s="108" t="s">
        <v>124</v>
      </c>
      <c r="C37" s="39"/>
      <c r="D37" s="198">
        <v>181006</v>
      </c>
      <c r="E37" s="198">
        <v>87292</v>
      </c>
      <c r="F37" s="198">
        <v>93714</v>
      </c>
      <c r="G37" s="198">
        <v>81111</v>
      </c>
      <c r="H37" s="198">
        <v>180899</v>
      </c>
      <c r="I37" s="198">
        <v>87260</v>
      </c>
      <c r="J37" s="198">
        <v>93639</v>
      </c>
      <c r="K37" s="213">
        <v>81082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6660</v>
      </c>
      <c r="E39" s="203">
        <v>361995</v>
      </c>
      <c r="F39" s="203">
        <v>364665</v>
      </c>
      <c r="G39" s="203">
        <v>341000</v>
      </c>
      <c r="H39" s="203">
        <v>726553</v>
      </c>
      <c r="I39" s="203">
        <v>361926</v>
      </c>
      <c r="J39" s="203">
        <v>364627</v>
      </c>
      <c r="K39" s="214">
        <v>341263</v>
      </c>
    </row>
    <row r="40" spans="1:11" ht="9.75" customHeight="1">
      <c r="A40" s="37"/>
      <c r="B40" s="108" t="s">
        <v>110</v>
      </c>
      <c r="C40" s="39"/>
      <c r="D40" s="198">
        <v>169176</v>
      </c>
      <c r="E40" s="198">
        <v>84995</v>
      </c>
      <c r="F40" s="198">
        <v>84181</v>
      </c>
      <c r="G40" s="198">
        <v>76470</v>
      </c>
      <c r="H40" s="198">
        <v>169139</v>
      </c>
      <c r="I40" s="198">
        <v>84989</v>
      </c>
      <c r="J40" s="198">
        <v>84150</v>
      </c>
      <c r="K40" s="213">
        <v>76513</v>
      </c>
    </row>
    <row r="41" spans="1:11" ht="9.75" customHeight="1">
      <c r="A41" s="37"/>
      <c r="B41" s="108" t="s">
        <v>126</v>
      </c>
      <c r="C41" s="39"/>
      <c r="D41" s="198">
        <v>274308</v>
      </c>
      <c r="E41" s="198">
        <v>137050</v>
      </c>
      <c r="F41" s="198">
        <v>137258</v>
      </c>
      <c r="G41" s="198">
        <v>127947</v>
      </c>
      <c r="H41" s="198">
        <v>274185</v>
      </c>
      <c r="I41" s="198">
        <v>136990</v>
      </c>
      <c r="J41" s="198">
        <v>137195</v>
      </c>
      <c r="K41" s="213">
        <v>127988</v>
      </c>
    </row>
    <row r="42" spans="1:11" ht="9.75" customHeight="1">
      <c r="A42" s="37"/>
      <c r="B42" s="108" t="s">
        <v>103</v>
      </c>
      <c r="C42" s="39"/>
      <c r="D42" s="198">
        <v>283176</v>
      </c>
      <c r="E42" s="198">
        <v>139950</v>
      </c>
      <c r="F42" s="198">
        <v>143226</v>
      </c>
      <c r="G42" s="198">
        <v>136583</v>
      </c>
      <c r="H42" s="198">
        <v>283229</v>
      </c>
      <c r="I42" s="198">
        <v>139947</v>
      </c>
      <c r="J42" s="198">
        <v>143282</v>
      </c>
      <c r="K42" s="213">
        <v>136762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81908</v>
      </c>
      <c r="E44" s="198">
        <v>190643</v>
      </c>
      <c r="F44" s="198">
        <v>191265</v>
      </c>
      <c r="G44" s="198">
        <v>166104</v>
      </c>
      <c r="H44" s="198">
        <v>381022</v>
      </c>
      <c r="I44" s="198">
        <v>189927</v>
      </c>
      <c r="J44" s="198">
        <v>191095</v>
      </c>
      <c r="K44" s="213">
        <v>166017</v>
      </c>
    </row>
    <row r="45" spans="1:11" ht="9.75" customHeight="1">
      <c r="A45" s="206" t="s">
        <v>128</v>
      </c>
      <c r="B45" s="207"/>
      <c r="C45" s="39"/>
      <c r="D45" s="198">
        <v>257608</v>
      </c>
      <c r="E45" s="198">
        <v>128522</v>
      </c>
      <c r="F45" s="198">
        <v>129086</v>
      </c>
      <c r="G45" s="198">
        <v>114357</v>
      </c>
      <c r="H45" s="198">
        <v>257614</v>
      </c>
      <c r="I45" s="198">
        <v>128540</v>
      </c>
      <c r="J45" s="198">
        <v>129074</v>
      </c>
      <c r="K45" s="213">
        <v>114429</v>
      </c>
    </row>
    <row r="46" spans="1:11" ht="9.75" customHeight="1">
      <c r="A46" s="206" t="s">
        <v>129</v>
      </c>
      <c r="B46" s="207"/>
      <c r="C46" s="39"/>
      <c r="D46" s="198">
        <v>172623</v>
      </c>
      <c r="E46" s="198">
        <v>81054</v>
      </c>
      <c r="F46" s="198">
        <v>91569</v>
      </c>
      <c r="G46" s="198">
        <v>76873</v>
      </c>
      <c r="H46" s="198">
        <v>172526</v>
      </c>
      <c r="I46" s="198">
        <v>81012</v>
      </c>
      <c r="J46" s="198">
        <v>91514</v>
      </c>
      <c r="K46" s="213">
        <v>76888</v>
      </c>
    </row>
    <row r="47" spans="1:11" ht="9.75" customHeight="1">
      <c r="A47" s="206" t="s">
        <v>130</v>
      </c>
      <c r="B47" s="207"/>
      <c r="C47" s="39"/>
      <c r="D47" s="198">
        <v>442857</v>
      </c>
      <c r="E47" s="198">
        <v>218582</v>
      </c>
      <c r="F47" s="198">
        <v>224275</v>
      </c>
      <c r="G47" s="198">
        <v>199666</v>
      </c>
      <c r="H47" s="198">
        <v>443009</v>
      </c>
      <c r="I47" s="198">
        <v>218609</v>
      </c>
      <c r="J47" s="198">
        <v>224400</v>
      </c>
      <c r="K47" s="213">
        <v>199875</v>
      </c>
    </row>
    <row r="48" spans="1:11" ht="9.75" customHeight="1">
      <c r="A48" s="206" t="s">
        <v>131</v>
      </c>
      <c r="B48" s="207"/>
      <c r="C48" s="39"/>
      <c r="D48" s="198">
        <v>187617</v>
      </c>
      <c r="E48" s="198">
        <v>90600</v>
      </c>
      <c r="F48" s="198">
        <v>97017</v>
      </c>
      <c r="G48" s="198">
        <v>83643</v>
      </c>
      <c r="H48" s="198">
        <v>187554</v>
      </c>
      <c r="I48" s="198">
        <v>90606</v>
      </c>
      <c r="J48" s="198">
        <v>96948</v>
      </c>
      <c r="K48" s="213">
        <v>83689</v>
      </c>
    </row>
    <row r="49" spans="1:11" ht="9.75" customHeight="1">
      <c r="A49" s="206" t="s">
        <v>132</v>
      </c>
      <c r="B49" s="207"/>
      <c r="C49" s="39"/>
      <c r="D49" s="198">
        <v>243921</v>
      </c>
      <c r="E49" s="198">
        <v>118137</v>
      </c>
      <c r="F49" s="198">
        <v>125784</v>
      </c>
      <c r="G49" s="198">
        <v>105280</v>
      </c>
      <c r="H49" s="198">
        <v>243918</v>
      </c>
      <c r="I49" s="198">
        <v>118118</v>
      </c>
      <c r="J49" s="198">
        <v>125800</v>
      </c>
      <c r="K49" s="213">
        <v>105346</v>
      </c>
    </row>
    <row r="50" spans="1:11" ht="9.75" customHeight="1">
      <c r="A50" s="206" t="s">
        <v>133</v>
      </c>
      <c r="B50" s="207"/>
      <c r="C50" s="39"/>
      <c r="D50" s="198">
        <v>56725</v>
      </c>
      <c r="E50" s="198">
        <v>26571</v>
      </c>
      <c r="F50" s="198">
        <v>30154</v>
      </c>
      <c r="G50" s="198">
        <v>25181</v>
      </c>
      <c r="H50" s="198">
        <v>56664</v>
      </c>
      <c r="I50" s="198">
        <v>26537</v>
      </c>
      <c r="J50" s="198">
        <v>30127</v>
      </c>
      <c r="K50" s="213">
        <v>25142</v>
      </c>
    </row>
    <row r="51" spans="1:11" ht="9.75" customHeight="1">
      <c r="A51" s="206" t="s">
        <v>134</v>
      </c>
      <c r="B51" s="207"/>
      <c r="C51" s="39"/>
      <c r="D51" s="198">
        <v>41062</v>
      </c>
      <c r="E51" s="198">
        <v>19621</v>
      </c>
      <c r="F51" s="198">
        <v>21441</v>
      </c>
      <c r="G51" s="198">
        <v>17199</v>
      </c>
      <c r="H51" s="198">
        <v>41021</v>
      </c>
      <c r="I51" s="198">
        <v>19610</v>
      </c>
      <c r="J51" s="198">
        <v>21411</v>
      </c>
      <c r="K51" s="213">
        <v>17208</v>
      </c>
    </row>
    <row r="52" spans="1:11" ht="9.75" customHeight="1">
      <c r="A52" s="206" t="s">
        <v>135</v>
      </c>
      <c r="B52" s="207"/>
      <c r="C52" s="39"/>
      <c r="D52" s="198">
        <v>161805</v>
      </c>
      <c r="E52" s="198">
        <v>81751</v>
      </c>
      <c r="F52" s="198">
        <v>80054</v>
      </c>
      <c r="G52" s="198">
        <v>71901</v>
      </c>
      <c r="H52" s="198">
        <v>161762</v>
      </c>
      <c r="I52" s="198">
        <v>81730</v>
      </c>
      <c r="J52" s="198">
        <v>80032</v>
      </c>
      <c r="K52" s="213">
        <v>71947</v>
      </c>
    </row>
    <row r="53" spans="1:11" ht="9.75" customHeight="1">
      <c r="A53" s="206" t="s">
        <v>136</v>
      </c>
      <c r="B53" s="207"/>
      <c r="C53" s="39"/>
      <c r="D53" s="198">
        <v>224051</v>
      </c>
      <c r="E53" s="198">
        <v>115347</v>
      </c>
      <c r="F53" s="198">
        <v>108704</v>
      </c>
      <c r="G53" s="198">
        <v>103111</v>
      </c>
      <c r="H53" s="198">
        <v>224055</v>
      </c>
      <c r="I53" s="198">
        <v>115349</v>
      </c>
      <c r="J53" s="198">
        <v>108706</v>
      </c>
      <c r="K53" s="213">
        <v>103203</v>
      </c>
    </row>
    <row r="54" spans="1:11" ht="9.75" customHeight="1">
      <c r="A54" s="206" t="s">
        <v>137</v>
      </c>
      <c r="B54" s="207"/>
      <c r="C54" s="39"/>
      <c r="D54" s="198">
        <v>242143</v>
      </c>
      <c r="E54" s="198">
        <v>120717</v>
      </c>
      <c r="F54" s="198">
        <v>121426</v>
      </c>
      <c r="G54" s="198">
        <v>113857</v>
      </c>
      <c r="H54" s="198">
        <v>242300</v>
      </c>
      <c r="I54" s="198">
        <v>120785</v>
      </c>
      <c r="J54" s="198">
        <v>121515</v>
      </c>
      <c r="K54" s="213">
        <v>113943</v>
      </c>
    </row>
    <row r="55" spans="1:11" ht="9.75" customHeight="1">
      <c r="A55" s="206" t="s">
        <v>138</v>
      </c>
      <c r="B55" s="207"/>
      <c r="C55" s="39"/>
      <c r="D55" s="198">
        <v>101332</v>
      </c>
      <c r="E55" s="198">
        <v>51278</v>
      </c>
      <c r="F55" s="198">
        <v>50054</v>
      </c>
      <c r="G55" s="198">
        <v>46249</v>
      </c>
      <c r="H55" s="198">
        <v>101316</v>
      </c>
      <c r="I55" s="198">
        <v>51277</v>
      </c>
      <c r="J55" s="198">
        <v>50039</v>
      </c>
      <c r="K55" s="213">
        <v>46274</v>
      </c>
    </row>
    <row r="56" spans="1:11" ht="9.75" customHeight="1">
      <c r="A56" s="206" t="s">
        <v>139</v>
      </c>
      <c r="B56" s="207"/>
      <c r="C56" s="39"/>
      <c r="D56" s="198">
        <v>139038</v>
      </c>
      <c r="E56" s="198">
        <v>69800</v>
      </c>
      <c r="F56" s="198">
        <v>69238</v>
      </c>
      <c r="G56" s="198">
        <v>60610</v>
      </c>
      <c r="H56" s="198">
        <v>139163</v>
      </c>
      <c r="I56" s="198">
        <v>69859</v>
      </c>
      <c r="J56" s="198">
        <v>69304</v>
      </c>
      <c r="K56" s="213">
        <v>60701</v>
      </c>
    </row>
    <row r="57" spans="1:11" ht="9.75" customHeight="1">
      <c r="A57" s="206" t="s">
        <v>140</v>
      </c>
      <c r="B57" s="207"/>
      <c r="C57" s="39"/>
      <c r="D57" s="198">
        <v>132092</v>
      </c>
      <c r="E57" s="198">
        <v>65728</v>
      </c>
      <c r="F57" s="198">
        <v>66364</v>
      </c>
      <c r="G57" s="198">
        <v>61185</v>
      </c>
      <c r="H57" s="198">
        <v>132131</v>
      </c>
      <c r="I57" s="198">
        <v>65775</v>
      </c>
      <c r="J57" s="198">
        <v>66356</v>
      </c>
      <c r="K57" s="213">
        <v>61294</v>
      </c>
    </row>
    <row r="58" spans="1:11" ht="9.75" customHeight="1">
      <c r="A58" s="206" t="s">
        <v>141</v>
      </c>
      <c r="B58" s="207"/>
      <c r="C58" s="39"/>
      <c r="D58" s="198">
        <v>40246</v>
      </c>
      <c r="E58" s="198">
        <v>19704</v>
      </c>
      <c r="F58" s="198">
        <v>20542</v>
      </c>
      <c r="G58" s="198">
        <v>16515</v>
      </c>
      <c r="H58" s="198">
        <v>40217</v>
      </c>
      <c r="I58" s="198">
        <v>19701</v>
      </c>
      <c r="J58" s="198">
        <v>20516</v>
      </c>
      <c r="K58" s="213">
        <v>16512</v>
      </c>
    </row>
    <row r="59" spans="1:11" ht="9.75" customHeight="1">
      <c r="A59" s="206" t="s">
        <v>142</v>
      </c>
      <c r="B59" s="207"/>
      <c r="C59" s="39"/>
      <c r="D59" s="198">
        <v>83418</v>
      </c>
      <c r="E59" s="198">
        <v>42212</v>
      </c>
      <c r="F59" s="198">
        <v>41206</v>
      </c>
      <c r="G59" s="198">
        <v>35305</v>
      </c>
      <c r="H59" s="198">
        <v>83356</v>
      </c>
      <c r="I59" s="198">
        <v>42185</v>
      </c>
      <c r="J59" s="198">
        <v>41171</v>
      </c>
      <c r="K59" s="213">
        <v>35313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8">
        <v>31515</v>
      </c>
      <c r="E61" s="198">
        <v>14787</v>
      </c>
      <c r="F61" s="198">
        <v>16728</v>
      </c>
      <c r="G61" s="198">
        <v>13126</v>
      </c>
      <c r="H61" s="198">
        <v>31498</v>
      </c>
      <c r="I61" s="198">
        <v>14774</v>
      </c>
      <c r="J61" s="198">
        <v>16724</v>
      </c>
      <c r="K61" s="213">
        <v>13126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8">
        <v>48557</v>
      </c>
      <c r="E63" s="198">
        <v>24620</v>
      </c>
      <c r="F63" s="198">
        <v>23937</v>
      </c>
      <c r="G63" s="198">
        <v>20380</v>
      </c>
      <c r="H63" s="198">
        <v>48564</v>
      </c>
      <c r="I63" s="198">
        <v>24618</v>
      </c>
      <c r="J63" s="198">
        <v>23946</v>
      </c>
      <c r="K63" s="213">
        <v>20391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565</v>
      </c>
      <c r="E65" s="203">
        <v>28376</v>
      </c>
      <c r="F65" s="203">
        <v>30189</v>
      </c>
      <c r="G65" s="203">
        <v>24531</v>
      </c>
      <c r="H65" s="203">
        <v>58598</v>
      </c>
      <c r="I65" s="203">
        <v>28392</v>
      </c>
      <c r="J65" s="203">
        <v>30206</v>
      </c>
      <c r="K65" s="214">
        <v>24554</v>
      </c>
    </row>
    <row r="66" spans="1:11" ht="9.75" customHeight="1">
      <c r="A66" s="37"/>
      <c r="B66" s="108" t="s">
        <v>146</v>
      </c>
      <c r="C66" s="39"/>
      <c r="D66" s="198">
        <v>31385</v>
      </c>
      <c r="E66" s="198">
        <v>15299</v>
      </c>
      <c r="F66" s="198">
        <v>16086</v>
      </c>
      <c r="G66" s="198">
        <v>12866</v>
      </c>
      <c r="H66" s="198">
        <v>31421</v>
      </c>
      <c r="I66" s="198">
        <v>15306</v>
      </c>
      <c r="J66" s="198">
        <v>16115</v>
      </c>
      <c r="K66" s="213">
        <v>12899</v>
      </c>
    </row>
    <row r="67" spans="1:11" ht="9.75" customHeight="1">
      <c r="A67" s="37"/>
      <c r="B67" s="108" t="s">
        <v>147</v>
      </c>
      <c r="C67" s="39"/>
      <c r="D67" s="198">
        <v>27180</v>
      </c>
      <c r="E67" s="198">
        <v>13077</v>
      </c>
      <c r="F67" s="198">
        <v>14103</v>
      </c>
      <c r="G67" s="198">
        <v>11665</v>
      </c>
      <c r="H67" s="198">
        <v>27177</v>
      </c>
      <c r="I67" s="198">
        <v>13086</v>
      </c>
      <c r="J67" s="198">
        <v>14091</v>
      </c>
      <c r="K67" s="213">
        <v>11655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4755</v>
      </c>
      <c r="E69" s="203">
        <v>31862</v>
      </c>
      <c r="F69" s="203">
        <v>32893</v>
      </c>
      <c r="G69" s="203">
        <v>25968</v>
      </c>
      <c r="H69" s="203">
        <v>64726</v>
      </c>
      <c r="I69" s="203">
        <v>31849</v>
      </c>
      <c r="J69" s="203">
        <v>32877</v>
      </c>
      <c r="K69" s="214">
        <v>25964</v>
      </c>
    </row>
    <row r="70" spans="1:11" ht="9.75" customHeight="1">
      <c r="A70" s="37"/>
      <c r="B70" s="108" t="s">
        <v>149</v>
      </c>
      <c r="C70" s="39"/>
      <c r="D70" s="198">
        <v>9063</v>
      </c>
      <c r="E70" s="198">
        <v>4524</v>
      </c>
      <c r="F70" s="198">
        <v>4539</v>
      </c>
      <c r="G70" s="198">
        <v>3424</v>
      </c>
      <c r="H70" s="198">
        <v>9074</v>
      </c>
      <c r="I70" s="198">
        <v>4528</v>
      </c>
      <c r="J70" s="198">
        <v>4546</v>
      </c>
      <c r="K70" s="213">
        <v>3428</v>
      </c>
    </row>
    <row r="71" spans="1:11" ht="9.75" customHeight="1">
      <c r="A71" s="37"/>
      <c r="B71" s="108" t="s">
        <v>150</v>
      </c>
      <c r="C71" s="39"/>
      <c r="D71" s="198">
        <v>17191</v>
      </c>
      <c r="E71" s="198">
        <v>8438</v>
      </c>
      <c r="F71" s="198">
        <v>8753</v>
      </c>
      <c r="G71" s="198">
        <v>6929</v>
      </c>
      <c r="H71" s="198">
        <v>17177</v>
      </c>
      <c r="I71" s="198">
        <v>8427</v>
      </c>
      <c r="J71" s="198">
        <v>8750</v>
      </c>
      <c r="K71" s="213">
        <v>6936</v>
      </c>
    </row>
    <row r="72" spans="1:11" ht="9.75" customHeight="1">
      <c r="A72" s="37"/>
      <c r="B72" s="108" t="s">
        <v>151</v>
      </c>
      <c r="C72" s="39"/>
      <c r="D72" s="198">
        <v>10497</v>
      </c>
      <c r="E72" s="198">
        <v>5211</v>
      </c>
      <c r="F72" s="198">
        <v>5286</v>
      </c>
      <c r="G72" s="198">
        <v>4531</v>
      </c>
      <c r="H72" s="198">
        <v>10458</v>
      </c>
      <c r="I72" s="198">
        <v>5194</v>
      </c>
      <c r="J72" s="198">
        <v>5264</v>
      </c>
      <c r="K72" s="213">
        <v>4512</v>
      </c>
    </row>
    <row r="73" spans="1:11" ht="9.75" customHeight="1">
      <c r="A73" s="37"/>
      <c r="B73" s="108" t="s">
        <v>152</v>
      </c>
      <c r="C73" s="39"/>
      <c r="D73" s="198">
        <v>9425</v>
      </c>
      <c r="E73" s="198">
        <v>4670</v>
      </c>
      <c r="F73" s="198">
        <v>4755</v>
      </c>
      <c r="G73" s="198">
        <v>3918</v>
      </c>
      <c r="H73" s="198">
        <v>9411</v>
      </c>
      <c r="I73" s="198">
        <v>4667</v>
      </c>
      <c r="J73" s="198">
        <v>4744</v>
      </c>
      <c r="K73" s="213">
        <v>3908</v>
      </c>
    </row>
    <row r="74" spans="1:11" ht="9.75" customHeight="1">
      <c r="A74" s="37"/>
      <c r="B74" s="108" t="s">
        <v>153</v>
      </c>
      <c r="C74" s="39"/>
      <c r="D74" s="198">
        <v>18579</v>
      </c>
      <c r="E74" s="198">
        <v>9019</v>
      </c>
      <c r="F74" s="198">
        <v>9560</v>
      </c>
      <c r="G74" s="198">
        <v>7166</v>
      </c>
      <c r="H74" s="198">
        <v>18606</v>
      </c>
      <c r="I74" s="198">
        <v>9033</v>
      </c>
      <c r="J74" s="198">
        <v>9573</v>
      </c>
      <c r="K74" s="213">
        <v>7180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482</v>
      </c>
      <c r="E76" s="203">
        <v>18977</v>
      </c>
      <c r="F76" s="203">
        <v>21505</v>
      </c>
      <c r="G76" s="203">
        <v>20078</v>
      </c>
      <c r="H76" s="203">
        <v>40442</v>
      </c>
      <c r="I76" s="203">
        <v>18946</v>
      </c>
      <c r="J76" s="203">
        <v>21496</v>
      </c>
      <c r="K76" s="214">
        <v>20075</v>
      </c>
    </row>
    <row r="77" spans="1:11" ht="9.75" customHeight="1">
      <c r="A77" s="37"/>
      <c r="B77" s="108" t="s">
        <v>155</v>
      </c>
      <c r="C77" s="39"/>
      <c r="D77" s="198">
        <v>11034</v>
      </c>
      <c r="E77" s="198">
        <v>5310</v>
      </c>
      <c r="F77" s="198">
        <v>5724</v>
      </c>
      <c r="G77" s="198">
        <v>6363</v>
      </c>
      <c r="H77" s="198">
        <v>11021</v>
      </c>
      <c r="I77" s="198">
        <v>5289</v>
      </c>
      <c r="J77" s="198">
        <v>5732</v>
      </c>
      <c r="K77" s="213">
        <v>6358</v>
      </c>
    </row>
    <row r="78" spans="1:11" ht="9.75" customHeight="1">
      <c r="A78" s="37"/>
      <c r="B78" s="108" t="s">
        <v>156</v>
      </c>
      <c r="C78" s="39"/>
      <c r="D78" s="198">
        <v>6541</v>
      </c>
      <c r="E78" s="198">
        <v>3032</v>
      </c>
      <c r="F78" s="198">
        <v>3509</v>
      </c>
      <c r="G78" s="198">
        <v>2948</v>
      </c>
      <c r="H78" s="198">
        <v>6540</v>
      </c>
      <c r="I78" s="198">
        <v>3031</v>
      </c>
      <c r="J78" s="198">
        <v>3509</v>
      </c>
      <c r="K78" s="213">
        <v>2948</v>
      </c>
    </row>
    <row r="79" spans="1:11" ht="9.75" customHeight="1">
      <c r="A79" s="37"/>
      <c r="B79" s="108" t="s">
        <v>157</v>
      </c>
      <c r="C79" s="39"/>
      <c r="D79" s="198">
        <v>22907</v>
      </c>
      <c r="E79" s="198">
        <v>10635</v>
      </c>
      <c r="F79" s="198">
        <v>12272</v>
      </c>
      <c r="G79" s="198">
        <v>10767</v>
      </c>
      <c r="H79" s="198">
        <v>22881</v>
      </c>
      <c r="I79" s="198">
        <v>10626</v>
      </c>
      <c r="J79" s="198">
        <v>12255</v>
      </c>
      <c r="K79" s="213">
        <v>10769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426</v>
      </c>
      <c r="E81" s="203">
        <v>22154</v>
      </c>
      <c r="F81" s="203">
        <v>20272</v>
      </c>
      <c r="G81" s="203">
        <v>18514</v>
      </c>
      <c r="H81" s="203">
        <v>42425</v>
      </c>
      <c r="I81" s="203">
        <v>22169</v>
      </c>
      <c r="J81" s="203">
        <v>20256</v>
      </c>
      <c r="K81" s="214">
        <v>18559</v>
      </c>
    </row>
    <row r="82" spans="1:11" ht="9.75" customHeight="1">
      <c r="A82" s="37"/>
      <c r="B82" s="108" t="s">
        <v>159</v>
      </c>
      <c r="C82" s="39"/>
      <c r="D82" s="198">
        <v>39437</v>
      </c>
      <c r="E82" s="198">
        <v>20633</v>
      </c>
      <c r="F82" s="198">
        <v>18804</v>
      </c>
      <c r="G82" s="198">
        <v>17379</v>
      </c>
      <c r="H82" s="198">
        <v>39436</v>
      </c>
      <c r="I82" s="198">
        <v>20649</v>
      </c>
      <c r="J82" s="198">
        <v>18787</v>
      </c>
      <c r="K82" s="213">
        <v>17422</v>
      </c>
    </row>
    <row r="83" spans="1:11" ht="9.75" customHeight="1">
      <c r="A83" s="37"/>
      <c r="B83" s="108" t="s">
        <v>160</v>
      </c>
      <c r="C83" s="39"/>
      <c r="D83" s="198">
        <v>2989</v>
      </c>
      <c r="E83" s="198">
        <v>1521</v>
      </c>
      <c r="F83" s="198">
        <v>1468</v>
      </c>
      <c r="G83" s="198">
        <v>1135</v>
      </c>
      <c r="H83" s="198">
        <v>2989</v>
      </c>
      <c r="I83" s="198">
        <v>1520</v>
      </c>
      <c r="J83" s="198">
        <v>1469</v>
      </c>
      <c r="K83" s="213">
        <v>1137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84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85</v>
      </c>
      <c r="E3" s="79"/>
      <c r="F3" s="79"/>
      <c r="G3" s="209"/>
      <c r="H3" s="90" t="s">
        <v>186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34324</v>
      </c>
      <c r="E6" s="17">
        <v>4579405</v>
      </c>
      <c r="F6" s="17">
        <v>4654919</v>
      </c>
      <c r="G6" s="17">
        <v>4306929</v>
      </c>
      <c r="H6" s="17">
        <v>9232794</v>
      </c>
      <c r="I6" s="17">
        <v>4578086</v>
      </c>
      <c r="J6" s="17">
        <v>4654708</v>
      </c>
      <c r="K6" s="211">
        <v>4308715</v>
      </c>
    </row>
    <row r="7" spans="1:22" s="29" customFormat="1" ht="9.75" customHeight="1">
      <c r="A7" s="193" t="s">
        <v>96</v>
      </c>
      <c r="B7" s="194"/>
      <c r="C7" s="32"/>
      <c r="D7" s="195">
        <v>8948098</v>
      </c>
      <c r="E7" s="195">
        <v>4438699</v>
      </c>
      <c r="F7" s="195">
        <v>4509399</v>
      </c>
      <c r="G7" s="195">
        <v>4184143</v>
      </c>
      <c r="H7" s="195">
        <v>8946674</v>
      </c>
      <c r="I7" s="195">
        <v>4437441</v>
      </c>
      <c r="J7" s="195">
        <v>4509233</v>
      </c>
      <c r="K7" s="212">
        <v>4185904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6226</v>
      </c>
      <c r="E8" s="195">
        <v>140706</v>
      </c>
      <c r="F8" s="195">
        <v>145520</v>
      </c>
      <c r="G8" s="195">
        <v>122786</v>
      </c>
      <c r="H8" s="195">
        <v>286120</v>
      </c>
      <c r="I8" s="195">
        <v>140645</v>
      </c>
      <c r="J8" s="195">
        <v>145475</v>
      </c>
      <c r="K8" s="212">
        <v>122811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72887</v>
      </c>
      <c r="E10" s="203">
        <v>1861445</v>
      </c>
      <c r="F10" s="203">
        <v>1911442</v>
      </c>
      <c r="G10" s="203">
        <v>1781423</v>
      </c>
      <c r="H10" s="203">
        <v>3771961</v>
      </c>
      <c r="I10" s="203">
        <v>1860765</v>
      </c>
      <c r="J10" s="203">
        <v>1911196</v>
      </c>
      <c r="K10" s="214">
        <v>1781879</v>
      </c>
    </row>
    <row r="11" spans="1:22" ht="9.75" customHeight="1">
      <c r="A11" s="37"/>
      <c r="B11" s="108" t="s">
        <v>99</v>
      </c>
      <c r="C11" s="39"/>
      <c r="D11" s="198">
        <v>295670</v>
      </c>
      <c r="E11" s="198">
        <v>152365</v>
      </c>
      <c r="F11" s="198">
        <v>143305</v>
      </c>
      <c r="G11" s="198">
        <v>146666</v>
      </c>
      <c r="H11" s="198">
        <v>295366</v>
      </c>
      <c r="I11" s="198">
        <v>152236</v>
      </c>
      <c r="J11" s="198">
        <v>143130</v>
      </c>
      <c r="K11" s="213">
        <v>146524</v>
      </c>
    </row>
    <row r="12" spans="1:22" ht="9.75" customHeight="1">
      <c r="A12" s="37"/>
      <c r="B12" s="108" t="s">
        <v>100</v>
      </c>
      <c r="C12" s="39"/>
      <c r="D12" s="198">
        <v>249143</v>
      </c>
      <c r="E12" s="198">
        <v>126997</v>
      </c>
      <c r="F12" s="198">
        <v>122146</v>
      </c>
      <c r="G12" s="198">
        <v>132235</v>
      </c>
      <c r="H12" s="198">
        <v>249054</v>
      </c>
      <c r="I12" s="198">
        <v>126924</v>
      </c>
      <c r="J12" s="198">
        <v>122130</v>
      </c>
      <c r="K12" s="213">
        <v>132215</v>
      </c>
    </row>
    <row r="13" spans="1:22" ht="9.75" customHeight="1">
      <c r="A13" s="37"/>
      <c r="B13" s="108" t="s">
        <v>101</v>
      </c>
      <c r="C13" s="39"/>
      <c r="D13" s="198">
        <v>105622</v>
      </c>
      <c r="E13" s="198">
        <v>53297</v>
      </c>
      <c r="F13" s="198">
        <v>52325</v>
      </c>
      <c r="G13" s="198">
        <v>58279</v>
      </c>
      <c r="H13" s="198">
        <v>105588</v>
      </c>
      <c r="I13" s="198">
        <v>53271</v>
      </c>
      <c r="J13" s="198">
        <v>52317</v>
      </c>
      <c r="K13" s="213">
        <v>58279</v>
      </c>
    </row>
    <row r="14" spans="1:22" ht="9.75" customHeight="1">
      <c r="A14" s="37"/>
      <c r="B14" s="108" t="s">
        <v>102</v>
      </c>
      <c r="C14" s="39"/>
      <c r="D14" s="198">
        <v>150844</v>
      </c>
      <c r="E14" s="198">
        <v>76638</v>
      </c>
      <c r="F14" s="198">
        <v>74206</v>
      </c>
      <c r="G14" s="198">
        <v>85912</v>
      </c>
      <c r="H14" s="198">
        <v>150877</v>
      </c>
      <c r="I14" s="198">
        <v>76645</v>
      </c>
      <c r="J14" s="198">
        <v>74232</v>
      </c>
      <c r="K14" s="213">
        <v>86028</v>
      </c>
    </row>
    <row r="15" spans="1:22" ht="9.75" customHeight="1">
      <c r="A15" s="37"/>
      <c r="B15" s="108" t="s">
        <v>103</v>
      </c>
      <c r="C15" s="39"/>
      <c r="D15" s="198">
        <v>197787</v>
      </c>
      <c r="E15" s="198">
        <v>98656</v>
      </c>
      <c r="F15" s="198">
        <v>99131</v>
      </c>
      <c r="G15" s="198">
        <v>105775</v>
      </c>
      <c r="H15" s="198">
        <v>197672</v>
      </c>
      <c r="I15" s="198">
        <v>98538</v>
      </c>
      <c r="J15" s="198">
        <v>99134</v>
      </c>
      <c r="K15" s="213">
        <v>105755</v>
      </c>
    </row>
    <row r="16" spans="1:22" ht="9.75" customHeight="1">
      <c r="A16" s="37"/>
      <c r="B16" s="108" t="s">
        <v>104</v>
      </c>
      <c r="C16" s="39"/>
      <c r="D16" s="198">
        <v>214553</v>
      </c>
      <c r="E16" s="198">
        <v>104436</v>
      </c>
      <c r="F16" s="198">
        <v>110117</v>
      </c>
      <c r="G16" s="198">
        <v>96934</v>
      </c>
      <c r="H16" s="198">
        <v>214599</v>
      </c>
      <c r="I16" s="198">
        <v>104408</v>
      </c>
      <c r="J16" s="198">
        <v>110191</v>
      </c>
      <c r="K16" s="213">
        <v>97044</v>
      </c>
    </row>
    <row r="17" spans="1:11" ht="9.75" customHeight="1">
      <c r="A17" s="37"/>
      <c r="B17" s="108" t="s">
        <v>105</v>
      </c>
      <c r="C17" s="39"/>
      <c r="D17" s="198">
        <v>206165</v>
      </c>
      <c r="E17" s="198">
        <v>101004</v>
      </c>
      <c r="F17" s="198">
        <v>105161</v>
      </c>
      <c r="G17" s="198">
        <v>100192</v>
      </c>
      <c r="H17" s="198">
        <v>206152</v>
      </c>
      <c r="I17" s="198">
        <v>101005</v>
      </c>
      <c r="J17" s="198">
        <v>105147</v>
      </c>
      <c r="K17" s="213">
        <v>100239</v>
      </c>
    </row>
    <row r="18" spans="1:11" ht="9.75" customHeight="1">
      <c r="A18" s="37"/>
      <c r="B18" s="108" t="s">
        <v>106</v>
      </c>
      <c r="C18" s="39"/>
      <c r="D18" s="198">
        <v>242679</v>
      </c>
      <c r="E18" s="198">
        <v>116884</v>
      </c>
      <c r="F18" s="198">
        <v>125795</v>
      </c>
      <c r="G18" s="198">
        <v>107720</v>
      </c>
      <c r="H18" s="198">
        <v>242572</v>
      </c>
      <c r="I18" s="198">
        <v>116818</v>
      </c>
      <c r="J18" s="198">
        <v>125754</v>
      </c>
      <c r="K18" s="213">
        <v>107739</v>
      </c>
    </row>
    <row r="19" spans="1:11" ht="9.75" customHeight="1">
      <c r="A19" s="37"/>
      <c r="B19" s="108" t="s">
        <v>107</v>
      </c>
      <c r="C19" s="39"/>
      <c r="D19" s="198">
        <v>165703</v>
      </c>
      <c r="E19" s="198">
        <v>81510</v>
      </c>
      <c r="F19" s="198">
        <v>84193</v>
      </c>
      <c r="G19" s="198">
        <v>79380</v>
      </c>
      <c r="H19" s="198">
        <v>165605</v>
      </c>
      <c r="I19" s="198">
        <v>81460</v>
      </c>
      <c r="J19" s="198">
        <v>84145</v>
      </c>
      <c r="K19" s="213">
        <v>79373</v>
      </c>
    </row>
    <row r="20" spans="1:11" ht="9.75" customHeight="1">
      <c r="A20" s="37"/>
      <c r="B20" s="108" t="s">
        <v>108</v>
      </c>
      <c r="C20" s="39"/>
      <c r="D20" s="198">
        <v>196794</v>
      </c>
      <c r="E20" s="198">
        <v>95557</v>
      </c>
      <c r="F20" s="198">
        <v>101237</v>
      </c>
      <c r="G20" s="198">
        <v>90847</v>
      </c>
      <c r="H20" s="198">
        <v>196660</v>
      </c>
      <c r="I20" s="198">
        <v>95495</v>
      </c>
      <c r="J20" s="198">
        <v>101165</v>
      </c>
      <c r="K20" s="213">
        <v>90815</v>
      </c>
    </row>
    <row r="21" spans="1:11" ht="9.75" customHeight="1">
      <c r="A21" s="37"/>
      <c r="B21" s="108" t="s">
        <v>109</v>
      </c>
      <c r="C21" s="39"/>
      <c r="D21" s="198">
        <v>361828</v>
      </c>
      <c r="E21" s="198">
        <v>180319</v>
      </c>
      <c r="F21" s="198">
        <v>181509</v>
      </c>
      <c r="G21" s="198">
        <v>179168</v>
      </c>
      <c r="H21" s="198">
        <v>362122</v>
      </c>
      <c r="I21" s="198">
        <v>180458</v>
      </c>
      <c r="J21" s="198">
        <v>181664</v>
      </c>
      <c r="K21" s="213">
        <v>179482</v>
      </c>
    </row>
    <row r="22" spans="1:11" ht="9.75" customHeight="1">
      <c r="A22" s="37"/>
      <c r="B22" s="108" t="s">
        <v>110</v>
      </c>
      <c r="C22" s="39"/>
      <c r="D22" s="198">
        <v>182785</v>
      </c>
      <c r="E22" s="198">
        <v>89716</v>
      </c>
      <c r="F22" s="198">
        <v>93069</v>
      </c>
      <c r="G22" s="198">
        <v>80760</v>
      </c>
      <c r="H22" s="198">
        <v>182755</v>
      </c>
      <c r="I22" s="198">
        <v>89690</v>
      </c>
      <c r="J22" s="198">
        <v>93065</v>
      </c>
      <c r="K22" s="213">
        <v>80801</v>
      </c>
    </row>
    <row r="23" spans="1:11" ht="9.75" customHeight="1">
      <c r="A23" s="37"/>
      <c r="B23" s="108" t="s">
        <v>111</v>
      </c>
      <c r="C23" s="39"/>
      <c r="D23" s="198">
        <v>310593</v>
      </c>
      <c r="E23" s="198">
        <v>149783</v>
      </c>
      <c r="F23" s="198">
        <v>160810</v>
      </c>
      <c r="G23" s="198">
        <v>135080</v>
      </c>
      <c r="H23" s="198">
        <v>310490</v>
      </c>
      <c r="I23" s="198">
        <v>149779</v>
      </c>
      <c r="J23" s="198">
        <v>160711</v>
      </c>
      <c r="K23" s="213">
        <v>135100</v>
      </c>
    </row>
    <row r="24" spans="1:11" ht="9.75" customHeight="1">
      <c r="A24" s="37"/>
      <c r="B24" s="108" t="s">
        <v>112</v>
      </c>
      <c r="C24" s="39"/>
      <c r="D24" s="198">
        <v>214715</v>
      </c>
      <c r="E24" s="198">
        <v>105085</v>
      </c>
      <c r="F24" s="198">
        <v>109630</v>
      </c>
      <c r="G24" s="198">
        <v>87052</v>
      </c>
      <c r="H24" s="198">
        <v>214737</v>
      </c>
      <c r="I24" s="198">
        <v>105090</v>
      </c>
      <c r="J24" s="198">
        <v>109647</v>
      </c>
      <c r="K24" s="213">
        <v>87108</v>
      </c>
    </row>
    <row r="25" spans="1:11" ht="9.75" customHeight="1">
      <c r="A25" s="37"/>
      <c r="B25" s="108" t="s">
        <v>113</v>
      </c>
      <c r="C25" s="39"/>
      <c r="D25" s="198">
        <v>283719</v>
      </c>
      <c r="E25" s="198">
        <v>138141</v>
      </c>
      <c r="F25" s="198">
        <v>145578</v>
      </c>
      <c r="G25" s="198">
        <v>124213</v>
      </c>
      <c r="H25" s="198">
        <v>283610</v>
      </c>
      <c r="I25" s="198">
        <v>138076</v>
      </c>
      <c r="J25" s="198">
        <v>145534</v>
      </c>
      <c r="K25" s="213">
        <v>124228</v>
      </c>
    </row>
    <row r="26" spans="1:11" ht="9.75" customHeight="1">
      <c r="A26" s="37"/>
      <c r="B26" s="108" t="s">
        <v>114</v>
      </c>
      <c r="C26" s="39"/>
      <c r="D26" s="198">
        <v>120953</v>
      </c>
      <c r="E26" s="198">
        <v>58855</v>
      </c>
      <c r="F26" s="198">
        <v>62098</v>
      </c>
      <c r="G26" s="198">
        <v>54007</v>
      </c>
      <c r="H26" s="198">
        <v>120879</v>
      </c>
      <c r="I26" s="198">
        <v>58759</v>
      </c>
      <c r="J26" s="198">
        <v>62120</v>
      </c>
      <c r="K26" s="213">
        <v>53958</v>
      </c>
    </row>
    <row r="27" spans="1:11" ht="9.75" customHeight="1">
      <c r="A27" s="37"/>
      <c r="B27" s="108" t="s">
        <v>115</v>
      </c>
      <c r="C27" s="39"/>
      <c r="D27" s="198">
        <v>151650</v>
      </c>
      <c r="E27" s="198">
        <v>73415</v>
      </c>
      <c r="F27" s="198">
        <v>78235</v>
      </c>
      <c r="G27" s="198">
        <v>63887</v>
      </c>
      <c r="H27" s="198">
        <v>151571</v>
      </c>
      <c r="I27" s="198">
        <v>73347</v>
      </c>
      <c r="J27" s="198">
        <v>78224</v>
      </c>
      <c r="K27" s="213">
        <v>63842</v>
      </c>
    </row>
    <row r="28" spans="1:11" ht="9.75" customHeight="1">
      <c r="A28" s="37"/>
      <c r="B28" s="108" t="s">
        <v>116</v>
      </c>
      <c r="C28" s="39"/>
      <c r="D28" s="198">
        <v>121684</v>
      </c>
      <c r="E28" s="198">
        <v>58787</v>
      </c>
      <c r="F28" s="198">
        <v>62897</v>
      </c>
      <c r="G28" s="198">
        <v>53316</v>
      </c>
      <c r="H28" s="198">
        <v>121652</v>
      </c>
      <c r="I28" s="198">
        <v>58766</v>
      </c>
      <c r="J28" s="198">
        <v>62886</v>
      </c>
      <c r="K28" s="213">
        <v>53349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41264</v>
      </c>
      <c r="E30" s="203">
        <v>775838</v>
      </c>
      <c r="F30" s="203">
        <v>765426</v>
      </c>
      <c r="G30" s="203">
        <v>762627</v>
      </c>
      <c r="H30" s="203">
        <v>1540890</v>
      </c>
      <c r="I30" s="203">
        <v>775445</v>
      </c>
      <c r="J30" s="203">
        <v>765445</v>
      </c>
      <c r="K30" s="214">
        <v>762765</v>
      </c>
    </row>
    <row r="31" spans="1:11" ht="9.75" customHeight="1">
      <c r="A31" s="37"/>
      <c r="B31" s="108" t="s">
        <v>118</v>
      </c>
      <c r="C31" s="39"/>
      <c r="D31" s="198">
        <v>230424</v>
      </c>
      <c r="E31" s="198">
        <v>123888</v>
      </c>
      <c r="F31" s="198">
        <v>106536</v>
      </c>
      <c r="G31" s="198">
        <v>124391</v>
      </c>
      <c r="H31" s="198">
        <v>230302</v>
      </c>
      <c r="I31" s="198">
        <v>123772</v>
      </c>
      <c r="J31" s="198">
        <v>106530</v>
      </c>
      <c r="K31" s="213">
        <v>124435</v>
      </c>
    </row>
    <row r="32" spans="1:11" ht="9.75" customHeight="1">
      <c r="A32" s="37"/>
      <c r="B32" s="108" t="s">
        <v>119</v>
      </c>
      <c r="C32" s="39"/>
      <c r="D32" s="198">
        <v>171554</v>
      </c>
      <c r="E32" s="198">
        <v>86633</v>
      </c>
      <c r="F32" s="198">
        <v>84921</v>
      </c>
      <c r="G32" s="198">
        <v>81346</v>
      </c>
      <c r="H32" s="198">
        <v>171562</v>
      </c>
      <c r="I32" s="198">
        <v>86653</v>
      </c>
      <c r="J32" s="198">
        <v>84909</v>
      </c>
      <c r="K32" s="213">
        <v>81340</v>
      </c>
    </row>
    <row r="33" spans="1:11" ht="9.75" customHeight="1">
      <c r="A33" s="37"/>
      <c r="B33" s="108" t="s">
        <v>120</v>
      </c>
      <c r="C33" s="39"/>
      <c r="D33" s="198">
        <v>264987</v>
      </c>
      <c r="E33" s="198">
        <v>134030</v>
      </c>
      <c r="F33" s="198">
        <v>130957</v>
      </c>
      <c r="G33" s="198">
        <v>137523</v>
      </c>
      <c r="H33" s="198">
        <v>264926</v>
      </c>
      <c r="I33" s="198">
        <v>133955</v>
      </c>
      <c r="J33" s="198">
        <v>130971</v>
      </c>
      <c r="K33" s="213">
        <v>137540</v>
      </c>
    </row>
    <row r="34" spans="1:11" ht="9.75" customHeight="1">
      <c r="A34" s="37"/>
      <c r="B34" s="108" t="s">
        <v>121</v>
      </c>
      <c r="C34" s="39"/>
      <c r="D34" s="198">
        <v>234128</v>
      </c>
      <c r="E34" s="198">
        <v>115939</v>
      </c>
      <c r="F34" s="198">
        <v>118189</v>
      </c>
      <c r="G34" s="198">
        <v>115697</v>
      </c>
      <c r="H34" s="198">
        <v>234081</v>
      </c>
      <c r="I34" s="198">
        <v>115831</v>
      </c>
      <c r="J34" s="198">
        <v>118250</v>
      </c>
      <c r="K34" s="213">
        <v>115722</v>
      </c>
    </row>
    <row r="35" spans="1:11" ht="9.75" customHeight="1">
      <c r="A35" s="37"/>
      <c r="B35" s="108" t="s">
        <v>122</v>
      </c>
      <c r="C35" s="39"/>
      <c r="D35" s="198">
        <v>235067</v>
      </c>
      <c r="E35" s="198">
        <v>113909</v>
      </c>
      <c r="F35" s="198">
        <v>121158</v>
      </c>
      <c r="G35" s="198">
        <v>105035</v>
      </c>
      <c r="H35" s="198">
        <v>234964</v>
      </c>
      <c r="I35" s="198">
        <v>113831</v>
      </c>
      <c r="J35" s="198">
        <v>121133</v>
      </c>
      <c r="K35" s="213">
        <v>105039</v>
      </c>
    </row>
    <row r="36" spans="1:11" ht="9.75" customHeight="1">
      <c r="A36" s="37"/>
      <c r="B36" s="108" t="s">
        <v>123</v>
      </c>
      <c r="C36" s="39"/>
      <c r="D36" s="198">
        <v>224246</v>
      </c>
      <c r="E36" s="198">
        <v>114206</v>
      </c>
      <c r="F36" s="198">
        <v>110040</v>
      </c>
      <c r="G36" s="198">
        <v>117546</v>
      </c>
      <c r="H36" s="198">
        <v>224188</v>
      </c>
      <c r="I36" s="198">
        <v>114162</v>
      </c>
      <c r="J36" s="198">
        <v>110026</v>
      </c>
      <c r="K36" s="213">
        <v>117578</v>
      </c>
    </row>
    <row r="37" spans="1:11" ht="9.75" customHeight="1">
      <c r="A37" s="37"/>
      <c r="B37" s="108" t="s">
        <v>124</v>
      </c>
      <c r="C37" s="39"/>
      <c r="D37" s="198">
        <v>180858</v>
      </c>
      <c r="E37" s="198">
        <v>87233</v>
      </c>
      <c r="F37" s="198">
        <v>93625</v>
      </c>
      <c r="G37" s="198">
        <v>81089</v>
      </c>
      <c r="H37" s="198">
        <v>180867</v>
      </c>
      <c r="I37" s="198">
        <v>87241</v>
      </c>
      <c r="J37" s="198">
        <v>93626</v>
      </c>
      <c r="K37" s="213">
        <v>81111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6535</v>
      </c>
      <c r="E39" s="203">
        <v>361904</v>
      </c>
      <c r="F39" s="203">
        <v>364631</v>
      </c>
      <c r="G39" s="203">
        <v>341473</v>
      </c>
      <c r="H39" s="203">
        <v>726559</v>
      </c>
      <c r="I39" s="203">
        <v>361831</v>
      </c>
      <c r="J39" s="203">
        <v>364728</v>
      </c>
      <c r="K39" s="214">
        <v>341725</v>
      </c>
    </row>
    <row r="40" spans="1:11" ht="9.75" customHeight="1">
      <c r="A40" s="37"/>
      <c r="B40" s="108" t="s">
        <v>110</v>
      </c>
      <c r="C40" s="39"/>
      <c r="D40" s="198">
        <v>169096</v>
      </c>
      <c r="E40" s="198">
        <v>84979</v>
      </c>
      <c r="F40" s="198">
        <v>84117</v>
      </c>
      <c r="G40" s="198">
        <v>76561</v>
      </c>
      <c r="H40" s="198">
        <v>169023</v>
      </c>
      <c r="I40" s="198">
        <v>84919</v>
      </c>
      <c r="J40" s="198">
        <v>84104</v>
      </c>
      <c r="K40" s="213">
        <v>76614</v>
      </c>
    </row>
    <row r="41" spans="1:11" ht="9.75" customHeight="1">
      <c r="A41" s="37"/>
      <c r="B41" s="108" t="s">
        <v>126</v>
      </c>
      <c r="C41" s="39"/>
      <c r="D41" s="198">
        <v>274182</v>
      </c>
      <c r="E41" s="198">
        <v>136974</v>
      </c>
      <c r="F41" s="198">
        <v>137208</v>
      </c>
      <c r="G41" s="198">
        <v>128070</v>
      </c>
      <c r="H41" s="198">
        <v>274384</v>
      </c>
      <c r="I41" s="198">
        <v>137033</v>
      </c>
      <c r="J41" s="198">
        <v>137351</v>
      </c>
      <c r="K41" s="213">
        <v>128220</v>
      </c>
    </row>
    <row r="42" spans="1:11" ht="9.75" customHeight="1">
      <c r="A42" s="37"/>
      <c r="B42" s="108" t="s">
        <v>103</v>
      </c>
      <c r="C42" s="39"/>
      <c r="D42" s="198">
        <v>283257</v>
      </c>
      <c r="E42" s="198">
        <v>139951</v>
      </c>
      <c r="F42" s="198">
        <v>143306</v>
      </c>
      <c r="G42" s="198">
        <v>136842</v>
      </c>
      <c r="H42" s="198">
        <v>283152</v>
      </c>
      <c r="I42" s="198">
        <v>139879</v>
      </c>
      <c r="J42" s="198">
        <v>143273</v>
      </c>
      <c r="K42" s="213">
        <v>136891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80145</v>
      </c>
      <c r="E44" s="198">
        <v>189427</v>
      </c>
      <c r="F44" s="198">
        <v>190718</v>
      </c>
      <c r="G44" s="198">
        <v>165986</v>
      </c>
      <c r="H44" s="198">
        <v>379803</v>
      </c>
      <c r="I44" s="198">
        <v>189243</v>
      </c>
      <c r="J44" s="198">
        <v>190560</v>
      </c>
      <c r="K44" s="213">
        <v>165968</v>
      </c>
    </row>
    <row r="45" spans="1:11" ht="9.75" customHeight="1">
      <c r="A45" s="206" t="s">
        <v>128</v>
      </c>
      <c r="B45" s="207"/>
      <c r="C45" s="39"/>
      <c r="D45" s="198">
        <v>257671</v>
      </c>
      <c r="E45" s="198">
        <v>128624</v>
      </c>
      <c r="F45" s="198">
        <v>129047</v>
      </c>
      <c r="G45" s="198">
        <v>114576</v>
      </c>
      <c r="H45" s="198">
        <v>257713</v>
      </c>
      <c r="I45" s="198">
        <v>128651</v>
      </c>
      <c r="J45" s="198">
        <v>129062</v>
      </c>
      <c r="K45" s="213">
        <v>114746</v>
      </c>
    </row>
    <row r="46" spans="1:11" ht="9.75" customHeight="1">
      <c r="A46" s="206" t="s">
        <v>129</v>
      </c>
      <c r="B46" s="207"/>
      <c r="C46" s="39"/>
      <c r="D46" s="198">
        <v>172544</v>
      </c>
      <c r="E46" s="198">
        <v>81023</v>
      </c>
      <c r="F46" s="198">
        <v>91521</v>
      </c>
      <c r="G46" s="198">
        <v>76920</v>
      </c>
      <c r="H46" s="198">
        <v>172428</v>
      </c>
      <c r="I46" s="198">
        <v>80974</v>
      </c>
      <c r="J46" s="198">
        <v>91454</v>
      </c>
      <c r="K46" s="213">
        <v>76939</v>
      </c>
    </row>
    <row r="47" spans="1:11" ht="9.75" customHeight="1">
      <c r="A47" s="206" t="s">
        <v>130</v>
      </c>
      <c r="B47" s="207"/>
      <c r="C47" s="39"/>
      <c r="D47" s="198">
        <v>443272</v>
      </c>
      <c r="E47" s="198">
        <v>218766</v>
      </c>
      <c r="F47" s="198">
        <v>224506</v>
      </c>
      <c r="G47" s="198">
        <v>199974</v>
      </c>
      <c r="H47" s="198">
        <v>443451</v>
      </c>
      <c r="I47" s="198">
        <v>218827</v>
      </c>
      <c r="J47" s="198">
        <v>224624</v>
      </c>
      <c r="K47" s="213">
        <v>200139</v>
      </c>
    </row>
    <row r="48" spans="1:11" ht="9.75" customHeight="1">
      <c r="A48" s="206" t="s">
        <v>131</v>
      </c>
      <c r="B48" s="207"/>
      <c r="C48" s="39"/>
      <c r="D48" s="198">
        <v>187451</v>
      </c>
      <c r="E48" s="198">
        <v>90601</v>
      </c>
      <c r="F48" s="198">
        <v>96850</v>
      </c>
      <c r="G48" s="198">
        <v>83667</v>
      </c>
      <c r="H48" s="198">
        <v>187347</v>
      </c>
      <c r="I48" s="198">
        <v>90572</v>
      </c>
      <c r="J48" s="198">
        <v>96775</v>
      </c>
      <c r="K48" s="213">
        <v>83701</v>
      </c>
    </row>
    <row r="49" spans="1:11" ht="9.75" customHeight="1">
      <c r="A49" s="206" t="s">
        <v>132</v>
      </c>
      <c r="B49" s="207"/>
      <c r="C49" s="39"/>
      <c r="D49" s="198">
        <v>243957</v>
      </c>
      <c r="E49" s="198">
        <v>118120</v>
      </c>
      <c r="F49" s="198">
        <v>125837</v>
      </c>
      <c r="G49" s="198">
        <v>105473</v>
      </c>
      <c r="H49" s="198">
        <v>244091</v>
      </c>
      <c r="I49" s="198">
        <v>118160</v>
      </c>
      <c r="J49" s="198">
        <v>125931</v>
      </c>
      <c r="K49" s="213">
        <v>105611</v>
      </c>
    </row>
    <row r="50" spans="1:11" ht="9.75" customHeight="1">
      <c r="A50" s="206" t="s">
        <v>133</v>
      </c>
      <c r="B50" s="207"/>
      <c r="C50" s="39"/>
      <c r="D50" s="198">
        <v>56677</v>
      </c>
      <c r="E50" s="198">
        <v>26524</v>
      </c>
      <c r="F50" s="198">
        <v>30153</v>
      </c>
      <c r="G50" s="198">
        <v>25146</v>
      </c>
      <c r="H50" s="198">
        <v>56609</v>
      </c>
      <c r="I50" s="198">
        <v>26497</v>
      </c>
      <c r="J50" s="198">
        <v>30112</v>
      </c>
      <c r="K50" s="213">
        <v>25128</v>
      </c>
    </row>
    <row r="51" spans="1:11" ht="9.75" customHeight="1">
      <c r="A51" s="206" t="s">
        <v>134</v>
      </c>
      <c r="B51" s="207"/>
      <c r="C51" s="39"/>
      <c r="D51" s="198">
        <v>40960</v>
      </c>
      <c r="E51" s="198">
        <v>19582</v>
      </c>
      <c r="F51" s="198">
        <v>21378</v>
      </c>
      <c r="G51" s="198">
        <v>17197</v>
      </c>
      <c r="H51" s="198">
        <v>40943</v>
      </c>
      <c r="I51" s="198">
        <v>19574</v>
      </c>
      <c r="J51" s="198">
        <v>21369</v>
      </c>
      <c r="K51" s="213">
        <v>17214</v>
      </c>
    </row>
    <row r="52" spans="1:11" ht="9.75" customHeight="1">
      <c r="A52" s="206" t="s">
        <v>135</v>
      </c>
      <c r="B52" s="207"/>
      <c r="C52" s="39"/>
      <c r="D52" s="198">
        <v>161705</v>
      </c>
      <c r="E52" s="198">
        <v>81730</v>
      </c>
      <c r="F52" s="198">
        <v>79975</v>
      </c>
      <c r="G52" s="198">
        <v>71973</v>
      </c>
      <c r="H52" s="198">
        <v>161652</v>
      </c>
      <c r="I52" s="198">
        <v>81673</v>
      </c>
      <c r="J52" s="198">
        <v>79979</v>
      </c>
      <c r="K52" s="213">
        <v>72002</v>
      </c>
    </row>
    <row r="53" spans="1:11" ht="9.75" customHeight="1">
      <c r="A53" s="206" t="s">
        <v>136</v>
      </c>
      <c r="B53" s="207"/>
      <c r="C53" s="39"/>
      <c r="D53" s="198">
        <v>224095</v>
      </c>
      <c r="E53" s="198">
        <v>115365</v>
      </c>
      <c r="F53" s="198">
        <v>108730</v>
      </c>
      <c r="G53" s="198">
        <v>103328</v>
      </c>
      <c r="H53" s="198">
        <v>224095</v>
      </c>
      <c r="I53" s="198">
        <v>115378</v>
      </c>
      <c r="J53" s="198">
        <v>108717</v>
      </c>
      <c r="K53" s="213">
        <v>103411</v>
      </c>
    </row>
    <row r="54" spans="1:11" ht="9.75" customHeight="1">
      <c r="A54" s="206" t="s">
        <v>137</v>
      </c>
      <c r="B54" s="207"/>
      <c r="C54" s="39"/>
      <c r="D54" s="198">
        <v>242567</v>
      </c>
      <c r="E54" s="198">
        <v>120942</v>
      </c>
      <c r="F54" s="198">
        <v>121625</v>
      </c>
      <c r="G54" s="198">
        <v>114083</v>
      </c>
      <c r="H54" s="198">
        <v>242680</v>
      </c>
      <c r="I54" s="198">
        <v>120997</v>
      </c>
      <c r="J54" s="198">
        <v>121683</v>
      </c>
      <c r="K54" s="213">
        <v>114194</v>
      </c>
    </row>
    <row r="55" spans="1:11" ht="9.75" customHeight="1">
      <c r="A55" s="206" t="s">
        <v>138</v>
      </c>
      <c r="B55" s="207"/>
      <c r="C55" s="39"/>
      <c r="D55" s="198">
        <v>101379</v>
      </c>
      <c r="E55" s="198">
        <v>51287</v>
      </c>
      <c r="F55" s="198">
        <v>50092</v>
      </c>
      <c r="G55" s="198">
        <v>46333</v>
      </c>
      <c r="H55" s="198">
        <v>101360</v>
      </c>
      <c r="I55" s="198">
        <v>51271</v>
      </c>
      <c r="J55" s="198">
        <v>50089</v>
      </c>
      <c r="K55" s="213">
        <v>46366</v>
      </c>
    </row>
    <row r="56" spans="1:11" ht="9.75" customHeight="1">
      <c r="A56" s="206" t="s">
        <v>139</v>
      </c>
      <c r="B56" s="207"/>
      <c r="C56" s="39"/>
      <c r="D56" s="198">
        <v>139232</v>
      </c>
      <c r="E56" s="198">
        <v>69869</v>
      </c>
      <c r="F56" s="198">
        <v>69363</v>
      </c>
      <c r="G56" s="198">
        <v>60768</v>
      </c>
      <c r="H56" s="198">
        <v>139387</v>
      </c>
      <c r="I56" s="198">
        <v>69964</v>
      </c>
      <c r="J56" s="198">
        <v>69423</v>
      </c>
      <c r="K56" s="213">
        <v>60879</v>
      </c>
    </row>
    <row r="57" spans="1:11" ht="9.75" customHeight="1">
      <c r="A57" s="206" t="s">
        <v>140</v>
      </c>
      <c r="B57" s="207"/>
      <c r="C57" s="39"/>
      <c r="D57" s="198">
        <v>132249</v>
      </c>
      <c r="E57" s="198">
        <v>65804</v>
      </c>
      <c r="F57" s="198">
        <v>66445</v>
      </c>
      <c r="G57" s="198">
        <v>61386</v>
      </c>
      <c r="H57" s="198">
        <v>132182</v>
      </c>
      <c r="I57" s="198">
        <v>65764</v>
      </c>
      <c r="J57" s="198">
        <v>66418</v>
      </c>
      <c r="K57" s="213">
        <v>61382</v>
      </c>
    </row>
    <row r="58" spans="1:11" ht="9.75" customHeight="1">
      <c r="A58" s="206" t="s">
        <v>141</v>
      </c>
      <c r="B58" s="207"/>
      <c r="C58" s="39"/>
      <c r="D58" s="198">
        <v>40166</v>
      </c>
      <c r="E58" s="198">
        <v>19672</v>
      </c>
      <c r="F58" s="198">
        <v>20494</v>
      </c>
      <c r="G58" s="198">
        <v>16507</v>
      </c>
      <c r="H58" s="198">
        <v>40190</v>
      </c>
      <c r="I58" s="198">
        <v>19682</v>
      </c>
      <c r="J58" s="198">
        <v>20508</v>
      </c>
      <c r="K58" s="213">
        <v>16550</v>
      </c>
    </row>
    <row r="59" spans="1:11" ht="9.75" customHeight="1">
      <c r="A59" s="206" t="s">
        <v>142</v>
      </c>
      <c r="B59" s="207"/>
      <c r="C59" s="39"/>
      <c r="D59" s="198">
        <v>83342</v>
      </c>
      <c r="E59" s="198">
        <v>42176</v>
      </c>
      <c r="F59" s="198">
        <v>41166</v>
      </c>
      <c r="G59" s="198">
        <v>35303</v>
      </c>
      <c r="H59" s="198">
        <v>83333</v>
      </c>
      <c r="I59" s="198">
        <v>42173</v>
      </c>
      <c r="J59" s="198">
        <v>41160</v>
      </c>
      <c r="K59" s="213">
        <v>35305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5">
        <v>31482</v>
      </c>
      <c r="E61" s="198">
        <v>14767</v>
      </c>
      <c r="F61" s="198">
        <v>16715</v>
      </c>
      <c r="G61" s="198">
        <v>13139</v>
      </c>
      <c r="H61" s="198">
        <v>31431</v>
      </c>
      <c r="I61" s="198">
        <v>14743</v>
      </c>
      <c r="J61" s="198">
        <v>16688</v>
      </c>
      <c r="K61" s="213">
        <v>13123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5">
        <v>48592</v>
      </c>
      <c r="E63" s="198">
        <v>24643</v>
      </c>
      <c r="F63" s="198">
        <v>23949</v>
      </c>
      <c r="G63" s="198">
        <v>20420</v>
      </c>
      <c r="H63" s="198">
        <v>48631</v>
      </c>
      <c r="I63" s="198">
        <v>24678</v>
      </c>
      <c r="J63" s="198">
        <v>23953</v>
      </c>
      <c r="K63" s="213">
        <v>20439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566</v>
      </c>
      <c r="E65" s="203">
        <v>28356</v>
      </c>
      <c r="F65" s="203">
        <v>30210</v>
      </c>
      <c r="G65" s="203">
        <v>24565</v>
      </c>
      <c r="H65" s="203">
        <v>58473</v>
      </c>
      <c r="I65" s="203">
        <v>28289</v>
      </c>
      <c r="J65" s="203">
        <v>30184</v>
      </c>
      <c r="K65" s="214">
        <v>24534</v>
      </c>
    </row>
    <row r="66" spans="1:11" ht="9.75" customHeight="1">
      <c r="A66" s="37"/>
      <c r="B66" s="108" t="s">
        <v>146</v>
      </c>
      <c r="C66" s="39"/>
      <c r="D66" s="198">
        <v>31407</v>
      </c>
      <c r="E66" s="198">
        <v>15287</v>
      </c>
      <c r="F66" s="198">
        <v>16120</v>
      </c>
      <c r="G66" s="198">
        <v>12907</v>
      </c>
      <c r="H66" s="198">
        <v>31353</v>
      </c>
      <c r="I66" s="198">
        <v>15255</v>
      </c>
      <c r="J66" s="198">
        <v>16098</v>
      </c>
      <c r="K66" s="213">
        <v>12880</v>
      </c>
    </row>
    <row r="67" spans="1:11" ht="9.75" customHeight="1">
      <c r="A67" s="37"/>
      <c r="B67" s="108" t="s">
        <v>147</v>
      </c>
      <c r="C67" s="39"/>
      <c r="D67" s="198">
        <v>27159</v>
      </c>
      <c r="E67" s="198">
        <v>13069</v>
      </c>
      <c r="F67" s="198">
        <v>14090</v>
      </c>
      <c r="G67" s="198">
        <v>11658</v>
      </c>
      <c r="H67" s="198">
        <v>27120</v>
      </c>
      <c r="I67" s="198">
        <v>13034</v>
      </c>
      <c r="J67" s="198">
        <v>14086</v>
      </c>
      <c r="K67" s="213">
        <v>11654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4793</v>
      </c>
      <c r="E69" s="203">
        <v>31868</v>
      </c>
      <c r="F69" s="203">
        <v>32925</v>
      </c>
      <c r="G69" s="203">
        <v>26031</v>
      </c>
      <c r="H69" s="203">
        <v>64848</v>
      </c>
      <c r="I69" s="203">
        <v>31915</v>
      </c>
      <c r="J69" s="203">
        <v>32933</v>
      </c>
      <c r="K69" s="214">
        <v>26085</v>
      </c>
    </row>
    <row r="70" spans="1:11" ht="9.75" customHeight="1">
      <c r="A70" s="37"/>
      <c r="B70" s="108" t="s">
        <v>149</v>
      </c>
      <c r="C70" s="39"/>
      <c r="D70" s="198">
        <v>9080</v>
      </c>
      <c r="E70" s="198">
        <v>4535</v>
      </c>
      <c r="F70" s="198">
        <v>4545</v>
      </c>
      <c r="G70" s="198">
        <v>3434</v>
      </c>
      <c r="H70" s="198">
        <v>9098</v>
      </c>
      <c r="I70" s="198">
        <v>4551</v>
      </c>
      <c r="J70" s="198">
        <v>4547</v>
      </c>
      <c r="K70" s="213">
        <v>3458</v>
      </c>
    </row>
    <row r="71" spans="1:11" ht="9.75" customHeight="1">
      <c r="A71" s="37"/>
      <c r="B71" s="108" t="s">
        <v>150</v>
      </c>
      <c r="C71" s="39"/>
      <c r="D71" s="198">
        <v>17178</v>
      </c>
      <c r="E71" s="198">
        <v>8437</v>
      </c>
      <c r="F71" s="198">
        <v>8741</v>
      </c>
      <c r="G71" s="198">
        <v>6944</v>
      </c>
      <c r="H71" s="198">
        <v>17219</v>
      </c>
      <c r="I71" s="198">
        <v>8454</v>
      </c>
      <c r="J71" s="198">
        <v>8765</v>
      </c>
      <c r="K71" s="213">
        <v>6961</v>
      </c>
    </row>
    <row r="72" spans="1:11" ht="9.75" customHeight="1">
      <c r="A72" s="37"/>
      <c r="B72" s="108" t="s">
        <v>151</v>
      </c>
      <c r="C72" s="39"/>
      <c r="D72" s="198">
        <v>10500</v>
      </c>
      <c r="E72" s="198">
        <v>5195</v>
      </c>
      <c r="F72" s="198">
        <v>5305</v>
      </c>
      <c r="G72" s="198">
        <v>4539</v>
      </c>
      <c r="H72" s="198">
        <v>10477</v>
      </c>
      <c r="I72" s="198">
        <v>5203</v>
      </c>
      <c r="J72" s="198">
        <v>5274</v>
      </c>
      <c r="K72" s="213">
        <v>4516</v>
      </c>
    </row>
    <row r="73" spans="1:11" ht="9.75" customHeight="1">
      <c r="A73" s="37"/>
      <c r="B73" s="108" t="s">
        <v>152</v>
      </c>
      <c r="C73" s="39"/>
      <c r="D73" s="198">
        <v>9392</v>
      </c>
      <c r="E73" s="198">
        <v>4655</v>
      </c>
      <c r="F73" s="198">
        <v>4737</v>
      </c>
      <c r="G73" s="198">
        <v>3909</v>
      </c>
      <c r="H73" s="198">
        <v>9377</v>
      </c>
      <c r="I73" s="198">
        <v>4646</v>
      </c>
      <c r="J73" s="198">
        <v>4731</v>
      </c>
      <c r="K73" s="213">
        <v>3916</v>
      </c>
    </row>
    <row r="74" spans="1:11" ht="9.75" customHeight="1">
      <c r="A74" s="37"/>
      <c r="B74" s="108" t="s">
        <v>153</v>
      </c>
      <c r="C74" s="39"/>
      <c r="D74" s="198">
        <v>18643</v>
      </c>
      <c r="E74" s="198">
        <v>9046</v>
      </c>
      <c r="F74" s="198">
        <v>9597</v>
      </c>
      <c r="G74" s="198">
        <v>7205</v>
      </c>
      <c r="H74" s="198">
        <v>18677</v>
      </c>
      <c r="I74" s="198">
        <v>9061</v>
      </c>
      <c r="J74" s="198">
        <v>9616</v>
      </c>
      <c r="K74" s="213">
        <v>7234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377</v>
      </c>
      <c r="E76" s="203">
        <v>18905</v>
      </c>
      <c r="F76" s="203">
        <v>21472</v>
      </c>
      <c r="G76" s="203">
        <v>20055</v>
      </c>
      <c r="H76" s="203">
        <v>40344</v>
      </c>
      <c r="I76" s="203">
        <v>18882</v>
      </c>
      <c r="J76" s="203">
        <v>21462</v>
      </c>
      <c r="K76" s="214">
        <v>20065</v>
      </c>
    </row>
    <row r="77" spans="1:11" ht="9.75" customHeight="1">
      <c r="A77" s="37"/>
      <c r="B77" s="108" t="s">
        <v>155</v>
      </c>
      <c r="C77" s="39"/>
      <c r="D77" s="198">
        <v>10999</v>
      </c>
      <c r="E77" s="198">
        <v>5264</v>
      </c>
      <c r="F77" s="198">
        <v>5735</v>
      </c>
      <c r="G77" s="198">
        <v>6349</v>
      </c>
      <c r="H77" s="198">
        <v>10978</v>
      </c>
      <c r="I77" s="198">
        <v>5256</v>
      </c>
      <c r="J77" s="198">
        <v>5722</v>
      </c>
      <c r="K77" s="213">
        <v>6339</v>
      </c>
    </row>
    <row r="78" spans="1:11" ht="9.75" customHeight="1">
      <c r="A78" s="37"/>
      <c r="B78" s="108" t="s">
        <v>156</v>
      </c>
      <c r="C78" s="39"/>
      <c r="D78" s="198">
        <v>6521</v>
      </c>
      <c r="E78" s="198">
        <v>3016</v>
      </c>
      <c r="F78" s="198">
        <v>3505</v>
      </c>
      <c r="G78" s="198">
        <v>2943</v>
      </c>
      <c r="H78" s="198">
        <v>6511</v>
      </c>
      <c r="I78" s="198">
        <v>3014</v>
      </c>
      <c r="J78" s="198">
        <v>3497</v>
      </c>
      <c r="K78" s="213">
        <v>2946</v>
      </c>
    </row>
    <row r="79" spans="1:11" ht="9.75" customHeight="1">
      <c r="A79" s="37"/>
      <c r="B79" s="108" t="s">
        <v>157</v>
      </c>
      <c r="C79" s="39"/>
      <c r="D79" s="198">
        <v>22857</v>
      </c>
      <c r="E79" s="198">
        <v>10625</v>
      </c>
      <c r="F79" s="198">
        <v>12232</v>
      </c>
      <c r="G79" s="198">
        <v>10763</v>
      </c>
      <c r="H79" s="198">
        <v>22855</v>
      </c>
      <c r="I79" s="198">
        <v>10612</v>
      </c>
      <c r="J79" s="198">
        <v>12243</v>
      </c>
      <c r="K79" s="213">
        <v>10780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416</v>
      </c>
      <c r="E81" s="203">
        <v>22167</v>
      </c>
      <c r="F81" s="203">
        <v>20249</v>
      </c>
      <c r="G81" s="203">
        <v>18576</v>
      </c>
      <c r="H81" s="203">
        <v>42393</v>
      </c>
      <c r="I81" s="203">
        <v>22138</v>
      </c>
      <c r="J81" s="203">
        <v>20255</v>
      </c>
      <c r="K81" s="214">
        <v>18565</v>
      </c>
    </row>
    <row r="82" spans="1:11" ht="9.75" customHeight="1">
      <c r="A82" s="37"/>
      <c r="B82" s="108" t="s">
        <v>159</v>
      </c>
      <c r="C82" s="39"/>
      <c r="D82" s="198">
        <v>39431</v>
      </c>
      <c r="E82" s="198">
        <v>20648</v>
      </c>
      <c r="F82" s="198">
        <v>18783</v>
      </c>
      <c r="G82" s="198">
        <v>17440</v>
      </c>
      <c r="H82" s="198">
        <v>39412</v>
      </c>
      <c r="I82" s="198">
        <v>20623</v>
      </c>
      <c r="J82" s="198">
        <v>18789</v>
      </c>
      <c r="K82" s="213">
        <v>17431</v>
      </c>
    </row>
    <row r="83" spans="1:11" ht="9.75" customHeight="1">
      <c r="A83" s="37"/>
      <c r="B83" s="108" t="s">
        <v>160</v>
      </c>
      <c r="C83" s="39"/>
      <c r="D83" s="198">
        <v>2985</v>
      </c>
      <c r="E83" s="198">
        <v>1519</v>
      </c>
      <c r="F83" s="198">
        <v>1466</v>
      </c>
      <c r="G83" s="198">
        <v>1136</v>
      </c>
      <c r="H83" s="198">
        <v>2981</v>
      </c>
      <c r="I83" s="198">
        <v>1515</v>
      </c>
      <c r="J83" s="198">
        <v>1466</v>
      </c>
      <c r="K83" s="213">
        <v>1134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87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88</v>
      </c>
      <c r="E3" s="79"/>
      <c r="F3" s="79"/>
      <c r="G3" s="209"/>
      <c r="H3" s="90" t="s">
        <v>189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33492</v>
      </c>
      <c r="E6" s="17">
        <v>4578438</v>
      </c>
      <c r="F6" s="17">
        <v>4655054</v>
      </c>
      <c r="G6" s="17">
        <v>4311016</v>
      </c>
      <c r="H6" s="17">
        <v>9232105</v>
      </c>
      <c r="I6" s="17">
        <v>4577479</v>
      </c>
      <c r="J6" s="17">
        <v>4654626</v>
      </c>
      <c r="K6" s="211">
        <v>4312088</v>
      </c>
    </row>
    <row r="7" spans="1:22" s="29" customFormat="1" ht="9.75" customHeight="1">
      <c r="A7" s="193" t="s">
        <v>96</v>
      </c>
      <c r="B7" s="194"/>
      <c r="C7" s="32"/>
      <c r="D7" s="195">
        <v>8947422</v>
      </c>
      <c r="E7" s="195">
        <v>4437829</v>
      </c>
      <c r="F7" s="195">
        <v>4509593</v>
      </c>
      <c r="G7" s="195">
        <v>4188072</v>
      </c>
      <c r="H7" s="195">
        <v>8946205</v>
      </c>
      <c r="I7" s="195">
        <v>4436940</v>
      </c>
      <c r="J7" s="195">
        <v>4509265</v>
      </c>
      <c r="K7" s="212">
        <v>4189106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6070</v>
      </c>
      <c r="E8" s="195">
        <v>140609</v>
      </c>
      <c r="F8" s="195">
        <v>145461</v>
      </c>
      <c r="G8" s="195">
        <v>122944</v>
      </c>
      <c r="H8" s="195">
        <v>285900</v>
      </c>
      <c r="I8" s="195">
        <v>140539</v>
      </c>
      <c r="J8" s="195">
        <v>145361</v>
      </c>
      <c r="K8" s="212">
        <v>122982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72421</v>
      </c>
      <c r="E10" s="203">
        <v>1861071</v>
      </c>
      <c r="F10" s="203">
        <v>1911350</v>
      </c>
      <c r="G10" s="203">
        <v>1782805</v>
      </c>
      <c r="H10" s="203">
        <v>3771640</v>
      </c>
      <c r="I10" s="203">
        <v>1860598</v>
      </c>
      <c r="J10" s="203">
        <v>1911042</v>
      </c>
      <c r="K10" s="214">
        <v>1783097</v>
      </c>
    </row>
    <row r="11" spans="1:22" ht="9.75" customHeight="1">
      <c r="A11" s="37"/>
      <c r="B11" s="108" t="s">
        <v>99</v>
      </c>
      <c r="C11" s="39"/>
      <c r="D11" s="198">
        <v>295261</v>
      </c>
      <c r="E11" s="198">
        <v>152209</v>
      </c>
      <c r="F11" s="198">
        <v>143052</v>
      </c>
      <c r="G11" s="198">
        <v>146530</v>
      </c>
      <c r="H11" s="198">
        <v>295212</v>
      </c>
      <c r="I11" s="198">
        <v>152179</v>
      </c>
      <c r="J11" s="198">
        <v>143033</v>
      </c>
      <c r="K11" s="213">
        <v>146536</v>
      </c>
    </row>
    <row r="12" spans="1:22" ht="9.75" customHeight="1">
      <c r="A12" s="37"/>
      <c r="B12" s="108" t="s">
        <v>100</v>
      </c>
      <c r="C12" s="39"/>
      <c r="D12" s="198">
        <v>248939</v>
      </c>
      <c r="E12" s="198">
        <v>126910</v>
      </c>
      <c r="F12" s="198">
        <v>122029</v>
      </c>
      <c r="G12" s="198">
        <v>132152</v>
      </c>
      <c r="H12" s="198">
        <v>248984</v>
      </c>
      <c r="I12" s="198">
        <v>126970</v>
      </c>
      <c r="J12" s="198">
        <v>122014</v>
      </c>
      <c r="K12" s="213">
        <v>132214</v>
      </c>
    </row>
    <row r="13" spans="1:22" ht="9.75" customHeight="1">
      <c r="A13" s="37"/>
      <c r="B13" s="108" t="s">
        <v>101</v>
      </c>
      <c r="C13" s="39"/>
      <c r="D13" s="198">
        <v>105717</v>
      </c>
      <c r="E13" s="198">
        <v>53362</v>
      </c>
      <c r="F13" s="198">
        <v>52355</v>
      </c>
      <c r="G13" s="198">
        <v>58358</v>
      </c>
      <c r="H13" s="198">
        <v>105678</v>
      </c>
      <c r="I13" s="198">
        <v>53341</v>
      </c>
      <c r="J13" s="198">
        <v>52337</v>
      </c>
      <c r="K13" s="213">
        <v>58330</v>
      </c>
    </row>
    <row r="14" spans="1:22" ht="9.75" customHeight="1">
      <c r="A14" s="37"/>
      <c r="B14" s="108" t="s">
        <v>102</v>
      </c>
      <c r="C14" s="39"/>
      <c r="D14" s="198">
        <v>151033</v>
      </c>
      <c r="E14" s="198">
        <v>76685</v>
      </c>
      <c r="F14" s="198">
        <v>74348</v>
      </c>
      <c r="G14" s="198">
        <v>86195</v>
      </c>
      <c r="H14" s="198">
        <v>151066</v>
      </c>
      <c r="I14" s="198">
        <v>76687</v>
      </c>
      <c r="J14" s="198">
        <v>74379</v>
      </c>
      <c r="K14" s="213">
        <v>86307</v>
      </c>
    </row>
    <row r="15" spans="1:22" ht="9.75" customHeight="1">
      <c r="A15" s="37"/>
      <c r="B15" s="108" t="s">
        <v>103</v>
      </c>
      <c r="C15" s="39"/>
      <c r="D15" s="198">
        <v>197567</v>
      </c>
      <c r="E15" s="198">
        <v>98485</v>
      </c>
      <c r="F15" s="198">
        <v>99082</v>
      </c>
      <c r="G15" s="198">
        <v>105744</v>
      </c>
      <c r="H15" s="198">
        <v>197558</v>
      </c>
      <c r="I15" s="198">
        <v>98446</v>
      </c>
      <c r="J15" s="198">
        <v>99112</v>
      </c>
      <c r="K15" s="213">
        <v>105838</v>
      </c>
    </row>
    <row r="16" spans="1:22" ht="9.75" customHeight="1">
      <c r="A16" s="37"/>
      <c r="B16" s="108" t="s">
        <v>104</v>
      </c>
      <c r="C16" s="39"/>
      <c r="D16" s="198">
        <v>214562</v>
      </c>
      <c r="E16" s="198">
        <v>104366</v>
      </c>
      <c r="F16" s="198">
        <v>110196</v>
      </c>
      <c r="G16" s="198">
        <v>97047</v>
      </c>
      <c r="H16" s="198">
        <v>214442</v>
      </c>
      <c r="I16" s="198">
        <v>104279</v>
      </c>
      <c r="J16" s="198">
        <v>110163</v>
      </c>
      <c r="K16" s="213">
        <v>97052</v>
      </c>
    </row>
    <row r="17" spans="1:11" ht="9.75" customHeight="1">
      <c r="A17" s="37"/>
      <c r="B17" s="108" t="s">
        <v>105</v>
      </c>
      <c r="C17" s="39"/>
      <c r="D17" s="198">
        <v>206122</v>
      </c>
      <c r="E17" s="198">
        <v>100973</v>
      </c>
      <c r="F17" s="198">
        <v>105149</v>
      </c>
      <c r="G17" s="198">
        <v>100259</v>
      </c>
      <c r="H17" s="198">
        <v>206031</v>
      </c>
      <c r="I17" s="198">
        <v>100910</v>
      </c>
      <c r="J17" s="198">
        <v>105121</v>
      </c>
      <c r="K17" s="213">
        <v>100213</v>
      </c>
    </row>
    <row r="18" spans="1:11" ht="9.75" customHeight="1">
      <c r="A18" s="37"/>
      <c r="B18" s="108" t="s">
        <v>106</v>
      </c>
      <c r="C18" s="39"/>
      <c r="D18" s="198">
        <v>242614</v>
      </c>
      <c r="E18" s="198">
        <v>116837</v>
      </c>
      <c r="F18" s="198">
        <v>125777</v>
      </c>
      <c r="G18" s="198">
        <v>107805</v>
      </c>
      <c r="H18" s="198">
        <v>242593</v>
      </c>
      <c r="I18" s="198">
        <v>116802</v>
      </c>
      <c r="J18" s="198">
        <v>125791</v>
      </c>
      <c r="K18" s="213">
        <v>107832</v>
      </c>
    </row>
    <row r="19" spans="1:11" ht="9.75" customHeight="1">
      <c r="A19" s="37"/>
      <c r="B19" s="108" t="s">
        <v>107</v>
      </c>
      <c r="C19" s="39"/>
      <c r="D19" s="198">
        <v>165529</v>
      </c>
      <c r="E19" s="198">
        <v>81396</v>
      </c>
      <c r="F19" s="198">
        <v>84133</v>
      </c>
      <c r="G19" s="198">
        <v>79373</v>
      </c>
      <c r="H19" s="198">
        <v>165483</v>
      </c>
      <c r="I19" s="198">
        <v>81404</v>
      </c>
      <c r="J19" s="198">
        <v>84079</v>
      </c>
      <c r="K19" s="213">
        <v>79405</v>
      </c>
    </row>
    <row r="20" spans="1:11" ht="9.75" customHeight="1">
      <c r="A20" s="37"/>
      <c r="B20" s="108" t="s">
        <v>108</v>
      </c>
      <c r="C20" s="39"/>
      <c r="D20" s="198">
        <v>196599</v>
      </c>
      <c r="E20" s="198">
        <v>95483</v>
      </c>
      <c r="F20" s="198">
        <v>101116</v>
      </c>
      <c r="G20" s="198">
        <v>90838</v>
      </c>
      <c r="H20" s="198">
        <v>196444</v>
      </c>
      <c r="I20" s="198">
        <v>95409</v>
      </c>
      <c r="J20" s="198">
        <v>101035</v>
      </c>
      <c r="K20" s="213">
        <v>90808</v>
      </c>
    </row>
    <row r="21" spans="1:11" ht="9.75" customHeight="1">
      <c r="A21" s="37"/>
      <c r="B21" s="108" t="s">
        <v>109</v>
      </c>
      <c r="C21" s="39"/>
      <c r="D21" s="198">
        <v>362387</v>
      </c>
      <c r="E21" s="198">
        <v>180628</v>
      </c>
      <c r="F21" s="198">
        <v>181759</v>
      </c>
      <c r="G21" s="198">
        <v>179598</v>
      </c>
      <c r="H21" s="198">
        <v>362263</v>
      </c>
      <c r="I21" s="198">
        <v>180571</v>
      </c>
      <c r="J21" s="198">
        <v>181692</v>
      </c>
      <c r="K21" s="213">
        <v>179475</v>
      </c>
    </row>
    <row r="22" spans="1:11" ht="9.75" customHeight="1">
      <c r="A22" s="37"/>
      <c r="B22" s="108" t="s">
        <v>110</v>
      </c>
      <c r="C22" s="39"/>
      <c r="D22" s="198">
        <v>182776</v>
      </c>
      <c r="E22" s="198">
        <v>89732</v>
      </c>
      <c r="F22" s="198">
        <v>93044</v>
      </c>
      <c r="G22" s="198">
        <v>80886</v>
      </c>
      <c r="H22" s="198">
        <v>182758</v>
      </c>
      <c r="I22" s="198">
        <v>89710</v>
      </c>
      <c r="J22" s="198">
        <v>93048</v>
      </c>
      <c r="K22" s="213">
        <v>80881</v>
      </c>
    </row>
    <row r="23" spans="1:11" ht="9.75" customHeight="1">
      <c r="A23" s="37"/>
      <c r="B23" s="108" t="s">
        <v>111</v>
      </c>
      <c r="C23" s="39"/>
      <c r="D23" s="198">
        <v>310596</v>
      </c>
      <c r="E23" s="198">
        <v>149863</v>
      </c>
      <c r="F23" s="198">
        <v>160733</v>
      </c>
      <c r="G23" s="198">
        <v>135213</v>
      </c>
      <c r="H23" s="198">
        <v>310423</v>
      </c>
      <c r="I23" s="198">
        <v>149733</v>
      </c>
      <c r="J23" s="198">
        <v>160690</v>
      </c>
      <c r="K23" s="213">
        <v>135173</v>
      </c>
    </row>
    <row r="24" spans="1:11" ht="9.75" customHeight="1">
      <c r="A24" s="37"/>
      <c r="B24" s="108" t="s">
        <v>112</v>
      </c>
      <c r="C24" s="39"/>
      <c r="D24" s="198">
        <v>214899</v>
      </c>
      <c r="E24" s="198">
        <v>105199</v>
      </c>
      <c r="F24" s="198">
        <v>109700</v>
      </c>
      <c r="G24" s="198">
        <v>87227</v>
      </c>
      <c r="H24" s="198">
        <v>214970</v>
      </c>
      <c r="I24" s="198">
        <v>105259</v>
      </c>
      <c r="J24" s="198">
        <v>109711</v>
      </c>
      <c r="K24" s="213">
        <v>87307</v>
      </c>
    </row>
    <row r="25" spans="1:11" ht="9.75" customHeight="1">
      <c r="A25" s="37"/>
      <c r="B25" s="108" t="s">
        <v>113</v>
      </c>
      <c r="C25" s="39"/>
      <c r="D25" s="198">
        <v>283705</v>
      </c>
      <c r="E25" s="198">
        <v>138127</v>
      </c>
      <c r="F25" s="198">
        <v>145578</v>
      </c>
      <c r="G25" s="198">
        <v>124332</v>
      </c>
      <c r="H25" s="198">
        <v>283656</v>
      </c>
      <c r="I25" s="198">
        <v>138098</v>
      </c>
      <c r="J25" s="198">
        <v>145558</v>
      </c>
      <c r="K25" s="213">
        <v>124384</v>
      </c>
    </row>
    <row r="26" spans="1:11" ht="9.75" customHeight="1">
      <c r="A26" s="37"/>
      <c r="B26" s="108" t="s">
        <v>114</v>
      </c>
      <c r="C26" s="39"/>
      <c r="D26" s="198">
        <v>120968</v>
      </c>
      <c r="E26" s="198">
        <v>58797</v>
      </c>
      <c r="F26" s="198">
        <v>62171</v>
      </c>
      <c r="G26" s="198">
        <v>54048</v>
      </c>
      <c r="H26" s="198">
        <v>121024</v>
      </c>
      <c r="I26" s="198">
        <v>58809</v>
      </c>
      <c r="J26" s="198">
        <v>62215</v>
      </c>
      <c r="K26" s="213">
        <v>54091</v>
      </c>
    </row>
    <row r="27" spans="1:11" ht="9.75" customHeight="1">
      <c r="A27" s="37"/>
      <c r="B27" s="108" t="s">
        <v>115</v>
      </c>
      <c r="C27" s="39"/>
      <c r="D27" s="198">
        <v>151476</v>
      </c>
      <c r="E27" s="198">
        <v>73275</v>
      </c>
      <c r="F27" s="198">
        <v>78201</v>
      </c>
      <c r="G27" s="198">
        <v>63798</v>
      </c>
      <c r="H27" s="198">
        <v>151414</v>
      </c>
      <c r="I27" s="198">
        <v>73245</v>
      </c>
      <c r="J27" s="198">
        <v>78169</v>
      </c>
      <c r="K27" s="213">
        <v>63800</v>
      </c>
    </row>
    <row r="28" spans="1:11" ht="9.75" customHeight="1">
      <c r="A28" s="37"/>
      <c r="B28" s="108" t="s">
        <v>116</v>
      </c>
      <c r="C28" s="39"/>
      <c r="D28" s="198">
        <v>121671</v>
      </c>
      <c r="E28" s="198">
        <v>58744</v>
      </c>
      <c r="F28" s="198">
        <v>62927</v>
      </c>
      <c r="G28" s="198">
        <v>53402</v>
      </c>
      <c r="H28" s="198">
        <v>121641</v>
      </c>
      <c r="I28" s="198">
        <v>58746</v>
      </c>
      <c r="J28" s="198">
        <v>62895</v>
      </c>
      <c r="K28" s="213">
        <v>53451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41109</v>
      </c>
      <c r="E30" s="203">
        <v>775498</v>
      </c>
      <c r="F30" s="203">
        <v>765611</v>
      </c>
      <c r="G30" s="203">
        <v>763076</v>
      </c>
      <c r="H30" s="203">
        <v>1541041</v>
      </c>
      <c r="I30" s="203">
        <v>775422</v>
      </c>
      <c r="J30" s="203">
        <v>765619</v>
      </c>
      <c r="K30" s="214">
        <v>763113</v>
      </c>
    </row>
    <row r="31" spans="1:11" ht="9.75" customHeight="1">
      <c r="A31" s="37"/>
      <c r="B31" s="108" t="s">
        <v>118</v>
      </c>
      <c r="C31" s="39"/>
      <c r="D31" s="198">
        <v>230312</v>
      </c>
      <c r="E31" s="198">
        <v>123735</v>
      </c>
      <c r="F31" s="198">
        <v>106577</v>
      </c>
      <c r="G31" s="198">
        <v>124500</v>
      </c>
      <c r="H31" s="198">
        <v>230224</v>
      </c>
      <c r="I31" s="198">
        <v>123720</v>
      </c>
      <c r="J31" s="198">
        <v>106504</v>
      </c>
      <c r="K31" s="213">
        <v>124494</v>
      </c>
    </row>
    <row r="32" spans="1:11" ht="9.75" customHeight="1">
      <c r="A32" s="37"/>
      <c r="B32" s="108" t="s">
        <v>119</v>
      </c>
      <c r="C32" s="39"/>
      <c r="D32" s="198">
        <v>171504</v>
      </c>
      <c r="E32" s="198">
        <v>86651</v>
      </c>
      <c r="F32" s="198">
        <v>84853</v>
      </c>
      <c r="G32" s="198">
        <v>81297</v>
      </c>
      <c r="H32" s="198">
        <v>171559</v>
      </c>
      <c r="I32" s="198">
        <v>86664</v>
      </c>
      <c r="J32" s="198">
        <v>84895</v>
      </c>
      <c r="K32" s="213">
        <v>81297</v>
      </c>
    </row>
    <row r="33" spans="1:11" ht="9.75" customHeight="1">
      <c r="A33" s="37"/>
      <c r="B33" s="108" t="s">
        <v>120</v>
      </c>
      <c r="C33" s="39"/>
      <c r="D33" s="198">
        <v>265224</v>
      </c>
      <c r="E33" s="198">
        <v>134090</v>
      </c>
      <c r="F33" s="198">
        <v>131134</v>
      </c>
      <c r="G33" s="198">
        <v>137700</v>
      </c>
      <c r="H33" s="198">
        <v>265271</v>
      </c>
      <c r="I33" s="198">
        <v>134079</v>
      </c>
      <c r="J33" s="198">
        <v>131192</v>
      </c>
      <c r="K33" s="213">
        <v>137695</v>
      </c>
    </row>
    <row r="34" spans="1:11" ht="9.75" customHeight="1">
      <c r="A34" s="37"/>
      <c r="B34" s="108" t="s">
        <v>121</v>
      </c>
      <c r="C34" s="39"/>
      <c r="D34" s="198">
        <v>234080</v>
      </c>
      <c r="E34" s="198">
        <v>115816</v>
      </c>
      <c r="F34" s="198">
        <v>118264</v>
      </c>
      <c r="G34" s="198">
        <v>115775</v>
      </c>
      <c r="H34" s="198">
        <v>234077</v>
      </c>
      <c r="I34" s="198">
        <v>115826</v>
      </c>
      <c r="J34" s="198">
        <v>118251</v>
      </c>
      <c r="K34" s="213">
        <v>115813</v>
      </c>
    </row>
    <row r="35" spans="1:11" ht="9.75" customHeight="1">
      <c r="A35" s="37"/>
      <c r="B35" s="108" t="s">
        <v>122</v>
      </c>
      <c r="C35" s="39"/>
      <c r="D35" s="198">
        <v>234946</v>
      </c>
      <c r="E35" s="198">
        <v>113776</v>
      </c>
      <c r="F35" s="198">
        <v>121170</v>
      </c>
      <c r="G35" s="198">
        <v>105053</v>
      </c>
      <c r="H35" s="198">
        <v>234908</v>
      </c>
      <c r="I35" s="198">
        <v>113732</v>
      </c>
      <c r="J35" s="198">
        <v>121176</v>
      </c>
      <c r="K35" s="213">
        <v>105075</v>
      </c>
    </row>
    <row r="36" spans="1:11" ht="9.75" customHeight="1">
      <c r="A36" s="37"/>
      <c r="B36" s="108" t="s">
        <v>123</v>
      </c>
      <c r="C36" s="39"/>
      <c r="D36" s="198">
        <v>224182</v>
      </c>
      <c r="E36" s="198">
        <v>114157</v>
      </c>
      <c r="F36" s="198">
        <v>110025</v>
      </c>
      <c r="G36" s="198">
        <v>117612</v>
      </c>
      <c r="H36" s="198">
        <v>224164</v>
      </c>
      <c r="I36" s="198">
        <v>114111</v>
      </c>
      <c r="J36" s="198">
        <v>110053</v>
      </c>
      <c r="K36" s="213">
        <v>117562</v>
      </c>
    </row>
    <row r="37" spans="1:11" ht="9.75" customHeight="1">
      <c r="A37" s="37"/>
      <c r="B37" s="108" t="s">
        <v>124</v>
      </c>
      <c r="C37" s="39"/>
      <c r="D37" s="198">
        <v>180861</v>
      </c>
      <c r="E37" s="198">
        <v>87273</v>
      </c>
      <c r="F37" s="198">
        <v>93588</v>
      </c>
      <c r="G37" s="198">
        <v>81139</v>
      </c>
      <c r="H37" s="198">
        <v>180838</v>
      </c>
      <c r="I37" s="198">
        <v>87290</v>
      </c>
      <c r="J37" s="198">
        <v>93548</v>
      </c>
      <c r="K37" s="213">
        <v>81177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6558</v>
      </c>
      <c r="E39" s="203">
        <v>361858</v>
      </c>
      <c r="F39" s="203">
        <v>364700</v>
      </c>
      <c r="G39" s="203">
        <v>341971</v>
      </c>
      <c r="H39" s="203">
        <v>726373</v>
      </c>
      <c r="I39" s="203">
        <v>361792</v>
      </c>
      <c r="J39" s="203">
        <v>364581</v>
      </c>
      <c r="K39" s="214">
        <v>342077</v>
      </c>
    </row>
    <row r="40" spans="1:11" ht="9.75" customHeight="1">
      <c r="A40" s="37"/>
      <c r="B40" s="108" t="s">
        <v>110</v>
      </c>
      <c r="C40" s="39"/>
      <c r="D40" s="198">
        <v>169007</v>
      </c>
      <c r="E40" s="198">
        <v>84930</v>
      </c>
      <c r="F40" s="198">
        <v>84077</v>
      </c>
      <c r="G40" s="198">
        <v>76688</v>
      </c>
      <c r="H40" s="198">
        <v>168889</v>
      </c>
      <c r="I40" s="198">
        <v>84882</v>
      </c>
      <c r="J40" s="198">
        <v>84007</v>
      </c>
      <c r="K40" s="213">
        <v>76668</v>
      </c>
    </row>
    <row r="41" spans="1:11" ht="9.75" customHeight="1">
      <c r="A41" s="37"/>
      <c r="B41" s="108" t="s">
        <v>126</v>
      </c>
      <c r="C41" s="39"/>
      <c r="D41" s="198">
        <v>274446</v>
      </c>
      <c r="E41" s="198">
        <v>137071</v>
      </c>
      <c r="F41" s="198">
        <v>137375</v>
      </c>
      <c r="G41" s="198">
        <v>128344</v>
      </c>
      <c r="H41" s="198">
        <v>274423</v>
      </c>
      <c r="I41" s="198">
        <v>137095</v>
      </c>
      <c r="J41" s="198">
        <v>137328</v>
      </c>
      <c r="K41" s="213">
        <v>128476</v>
      </c>
    </row>
    <row r="42" spans="1:11" ht="9.75" customHeight="1">
      <c r="A42" s="37"/>
      <c r="B42" s="108" t="s">
        <v>103</v>
      </c>
      <c r="C42" s="39"/>
      <c r="D42" s="198">
        <v>283105</v>
      </c>
      <c r="E42" s="198">
        <v>139857</v>
      </c>
      <c r="F42" s="198">
        <v>143248</v>
      </c>
      <c r="G42" s="198">
        <v>136939</v>
      </c>
      <c r="H42" s="198">
        <v>283061</v>
      </c>
      <c r="I42" s="198">
        <v>139815</v>
      </c>
      <c r="J42" s="198">
        <v>143246</v>
      </c>
      <c r="K42" s="213">
        <v>136933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79720</v>
      </c>
      <c r="E44" s="198">
        <v>189249</v>
      </c>
      <c r="F44" s="198">
        <v>190471</v>
      </c>
      <c r="G44" s="198">
        <v>165953</v>
      </c>
      <c r="H44" s="198">
        <v>379353</v>
      </c>
      <c r="I44" s="198">
        <v>189008</v>
      </c>
      <c r="J44" s="198">
        <v>190345</v>
      </c>
      <c r="K44" s="213">
        <v>165891</v>
      </c>
    </row>
    <row r="45" spans="1:11" ht="9.75" customHeight="1">
      <c r="A45" s="206" t="s">
        <v>128</v>
      </c>
      <c r="B45" s="207"/>
      <c r="C45" s="39"/>
      <c r="D45" s="198">
        <v>257733</v>
      </c>
      <c r="E45" s="198">
        <v>128610</v>
      </c>
      <c r="F45" s="198">
        <v>129123</v>
      </c>
      <c r="G45" s="198">
        <v>114838</v>
      </c>
      <c r="H45" s="198">
        <v>257766</v>
      </c>
      <c r="I45" s="198">
        <v>128633</v>
      </c>
      <c r="J45" s="198">
        <v>129133</v>
      </c>
      <c r="K45" s="213">
        <v>114970</v>
      </c>
    </row>
    <row r="46" spans="1:11" ht="9.75" customHeight="1">
      <c r="A46" s="206" t="s">
        <v>129</v>
      </c>
      <c r="B46" s="207"/>
      <c r="C46" s="39"/>
      <c r="D46" s="198">
        <v>172343</v>
      </c>
      <c r="E46" s="198">
        <v>80908</v>
      </c>
      <c r="F46" s="198">
        <v>91435</v>
      </c>
      <c r="G46" s="198">
        <v>76949</v>
      </c>
      <c r="H46" s="198">
        <v>172260</v>
      </c>
      <c r="I46" s="198">
        <v>80873</v>
      </c>
      <c r="J46" s="198">
        <v>91387</v>
      </c>
      <c r="K46" s="213">
        <v>76931</v>
      </c>
    </row>
    <row r="47" spans="1:11" ht="9.75" customHeight="1">
      <c r="A47" s="206" t="s">
        <v>130</v>
      </c>
      <c r="B47" s="207"/>
      <c r="C47" s="39"/>
      <c r="D47" s="198">
        <v>443579</v>
      </c>
      <c r="E47" s="198">
        <v>218884</v>
      </c>
      <c r="F47" s="198">
        <v>224695</v>
      </c>
      <c r="G47" s="198">
        <v>200273</v>
      </c>
      <c r="H47" s="198">
        <v>443770</v>
      </c>
      <c r="I47" s="198">
        <v>218953</v>
      </c>
      <c r="J47" s="198">
        <v>224817</v>
      </c>
      <c r="K47" s="213">
        <v>200406</v>
      </c>
    </row>
    <row r="48" spans="1:11" ht="9.75" customHeight="1">
      <c r="A48" s="206" t="s">
        <v>131</v>
      </c>
      <c r="B48" s="207"/>
      <c r="C48" s="39"/>
      <c r="D48" s="198">
        <v>187325</v>
      </c>
      <c r="E48" s="198">
        <v>90562</v>
      </c>
      <c r="F48" s="198">
        <v>96763</v>
      </c>
      <c r="G48" s="198">
        <v>83754</v>
      </c>
      <c r="H48" s="198">
        <v>187252</v>
      </c>
      <c r="I48" s="198">
        <v>90531</v>
      </c>
      <c r="J48" s="198">
        <v>96721</v>
      </c>
      <c r="K48" s="213">
        <v>83770</v>
      </c>
    </row>
    <row r="49" spans="1:11" ht="9.75" customHeight="1">
      <c r="A49" s="206" t="s">
        <v>132</v>
      </c>
      <c r="B49" s="207"/>
      <c r="C49" s="39"/>
      <c r="D49" s="198">
        <v>244242</v>
      </c>
      <c r="E49" s="198">
        <v>118248</v>
      </c>
      <c r="F49" s="198">
        <v>125994</v>
      </c>
      <c r="G49" s="198">
        <v>105756</v>
      </c>
      <c r="H49" s="198">
        <v>244312</v>
      </c>
      <c r="I49" s="198">
        <v>118260</v>
      </c>
      <c r="J49" s="198">
        <v>126052</v>
      </c>
      <c r="K49" s="213">
        <v>105849</v>
      </c>
    </row>
    <row r="50" spans="1:11" ht="9.75" customHeight="1">
      <c r="A50" s="206" t="s">
        <v>133</v>
      </c>
      <c r="B50" s="207"/>
      <c r="C50" s="39"/>
      <c r="D50" s="198">
        <v>56564</v>
      </c>
      <c r="E50" s="198">
        <v>26472</v>
      </c>
      <c r="F50" s="198">
        <v>30092</v>
      </c>
      <c r="G50" s="198">
        <v>25092</v>
      </c>
      <c r="H50" s="198">
        <v>56523</v>
      </c>
      <c r="I50" s="198">
        <v>26444</v>
      </c>
      <c r="J50" s="198">
        <v>30079</v>
      </c>
      <c r="K50" s="213">
        <v>25088</v>
      </c>
    </row>
    <row r="51" spans="1:11" ht="9.75" customHeight="1">
      <c r="A51" s="206" t="s">
        <v>134</v>
      </c>
      <c r="B51" s="207"/>
      <c r="C51" s="39"/>
      <c r="D51" s="198">
        <v>40887</v>
      </c>
      <c r="E51" s="198">
        <v>19550</v>
      </c>
      <c r="F51" s="198">
        <v>21337</v>
      </c>
      <c r="G51" s="198">
        <v>17193</v>
      </c>
      <c r="H51" s="198">
        <v>40876</v>
      </c>
      <c r="I51" s="198">
        <v>19543</v>
      </c>
      <c r="J51" s="198">
        <v>21333</v>
      </c>
      <c r="K51" s="213">
        <v>17213</v>
      </c>
    </row>
    <row r="52" spans="1:11" ht="9.75" customHeight="1">
      <c r="A52" s="206" t="s">
        <v>135</v>
      </c>
      <c r="B52" s="207"/>
      <c r="C52" s="39"/>
      <c r="D52" s="198">
        <v>161667</v>
      </c>
      <c r="E52" s="198">
        <v>81675</v>
      </c>
      <c r="F52" s="198">
        <v>79992</v>
      </c>
      <c r="G52" s="198">
        <v>72068</v>
      </c>
      <c r="H52" s="198">
        <v>161630</v>
      </c>
      <c r="I52" s="198">
        <v>81679</v>
      </c>
      <c r="J52" s="198">
        <v>79951</v>
      </c>
      <c r="K52" s="213">
        <v>72120</v>
      </c>
    </row>
    <row r="53" spans="1:11" ht="9.75" customHeight="1">
      <c r="A53" s="206" t="s">
        <v>136</v>
      </c>
      <c r="B53" s="207"/>
      <c r="C53" s="39"/>
      <c r="D53" s="198">
        <v>224049</v>
      </c>
      <c r="E53" s="198">
        <v>115351</v>
      </c>
      <c r="F53" s="198">
        <v>108698</v>
      </c>
      <c r="G53" s="198">
        <v>103482</v>
      </c>
      <c r="H53" s="198">
        <v>224036</v>
      </c>
      <c r="I53" s="198">
        <v>115323</v>
      </c>
      <c r="J53" s="198">
        <v>108713</v>
      </c>
      <c r="K53" s="213">
        <v>103518</v>
      </c>
    </row>
    <row r="54" spans="1:11" ht="9.75" customHeight="1">
      <c r="A54" s="206" t="s">
        <v>137</v>
      </c>
      <c r="B54" s="207"/>
      <c r="C54" s="39"/>
      <c r="D54" s="198">
        <v>242872</v>
      </c>
      <c r="E54" s="198">
        <v>121094</v>
      </c>
      <c r="F54" s="198">
        <v>121778</v>
      </c>
      <c r="G54" s="198">
        <v>114267</v>
      </c>
      <c r="H54" s="198">
        <v>242986</v>
      </c>
      <c r="I54" s="198">
        <v>121118</v>
      </c>
      <c r="J54" s="198">
        <v>121868</v>
      </c>
      <c r="K54" s="213">
        <v>114389</v>
      </c>
    </row>
    <row r="55" spans="1:11" ht="9.75" customHeight="1">
      <c r="A55" s="206" t="s">
        <v>138</v>
      </c>
      <c r="B55" s="207"/>
      <c r="C55" s="39"/>
      <c r="D55" s="198">
        <v>101343</v>
      </c>
      <c r="E55" s="198">
        <v>51266</v>
      </c>
      <c r="F55" s="198">
        <v>50077</v>
      </c>
      <c r="G55" s="198">
        <v>46391</v>
      </c>
      <c r="H55" s="198">
        <v>101309</v>
      </c>
      <c r="I55" s="198">
        <v>51229</v>
      </c>
      <c r="J55" s="198">
        <v>50080</v>
      </c>
      <c r="K55" s="213">
        <v>46357</v>
      </c>
    </row>
    <row r="56" spans="1:11" ht="9.75" customHeight="1">
      <c r="A56" s="206" t="s">
        <v>139</v>
      </c>
      <c r="B56" s="207"/>
      <c r="C56" s="39"/>
      <c r="D56" s="198">
        <v>139415</v>
      </c>
      <c r="E56" s="198">
        <v>69983</v>
      </c>
      <c r="F56" s="198">
        <v>69432</v>
      </c>
      <c r="G56" s="198">
        <v>60908</v>
      </c>
      <c r="H56" s="198">
        <v>139529</v>
      </c>
      <c r="I56" s="198">
        <v>70037</v>
      </c>
      <c r="J56" s="198">
        <v>69492</v>
      </c>
      <c r="K56" s="213">
        <v>60984</v>
      </c>
    </row>
    <row r="57" spans="1:11" ht="9.75" customHeight="1">
      <c r="A57" s="206" t="s">
        <v>140</v>
      </c>
      <c r="B57" s="207"/>
      <c r="C57" s="39"/>
      <c r="D57" s="198">
        <v>132150</v>
      </c>
      <c r="E57" s="198">
        <v>65735</v>
      </c>
      <c r="F57" s="198">
        <v>66415</v>
      </c>
      <c r="G57" s="198">
        <v>61455</v>
      </c>
      <c r="H57" s="198">
        <v>132149</v>
      </c>
      <c r="I57" s="198">
        <v>65713</v>
      </c>
      <c r="J57" s="198">
        <v>66436</v>
      </c>
      <c r="K57" s="213">
        <v>61471</v>
      </c>
    </row>
    <row r="58" spans="1:11" ht="9.75" customHeight="1">
      <c r="A58" s="206" t="s">
        <v>141</v>
      </c>
      <c r="B58" s="207"/>
      <c r="C58" s="39"/>
      <c r="D58" s="198">
        <v>40149</v>
      </c>
      <c r="E58" s="198">
        <v>19664</v>
      </c>
      <c r="F58" s="198">
        <v>20485</v>
      </c>
      <c r="G58" s="198">
        <v>16542</v>
      </c>
      <c r="H58" s="198">
        <v>40142</v>
      </c>
      <c r="I58" s="198">
        <v>19666</v>
      </c>
      <c r="J58" s="198">
        <v>20476</v>
      </c>
      <c r="K58" s="213">
        <v>16560</v>
      </c>
    </row>
    <row r="59" spans="1:11" ht="9.75" customHeight="1">
      <c r="A59" s="206" t="s">
        <v>142</v>
      </c>
      <c r="B59" s="207"/>
      <c r="C59" s="39"/>
      <c r="D59" s="198">
        <v>83296</v>
      </c>
      <c r="E59" s="198">
        <v>42151</v>
      </c>
      <c r="F59" s="198">
        <v>41145</v>
      </c>
      <c r="G59" s="198">
        <v>35299</v>
      </c>
      <c r="H59" s="198">
        <v>83258</v>
      </c>
      <c r="I59" s="198">
        <v>42118</v>
      </c>
      <c r="J59" s="198">
        <v>41140</v>
      </c>
      <c r="K59" s="213">
        <v>35302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8">
        <v>31425</v>
      </c>
      <c r="E61" s="198">
        <v>14745</v>
      </c>
      <c r="F61" s="198">
        <v>16680</v>
      </c>
      <c r="G61" s="198">
        <v>13124</v>
      </c>
      <c r="H61" s="198">
        <v>31397</v>
      </c>
      <c r="I61" s="198">
        <v>14740</v>
      </c>
      <c r="J61" s="198">
        <v>16657</v>
      </c>
      <c r="K61" s="213">
        <v>13117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8">
        <v>48629</v>
      </c>
      <c r="E63" s="198">
        <v>24676</v>
      </c>
      <c r="F63" s="198">
        <v>23953</v>
      </c>
      <c r="G63" s="198">
        <v>20444</v>
      </c>
      <c r="H63" s="198">
        <v>48629</v>
      </c>
      <c r="I63" s="198">
        <v>24668</v>
      </c>
      <c r="J63" s="198">
        <v>23961</v>
      </c>
      <c r="K63" s="213">
        <v>20475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443</v>
      </c>
      <c r="E65" s="203">
        <v>28274</v>
      </c>
      <c r="F65" s="203">
        <v>30169</v>
      </c>
      <c r="G65" s="203">
        <v>24555</v>
      </c>
      <c r="H65" s="203">
        <v>58391</v>
      </c>
      <c r="I65" s="203">
        <v>28256</v>
      </c>
      <c r="J65" s="203">
        <v>30135</v>
      </c>
      <c r="K65" s="214">
        <v>24558</v>
      </c>
    </row>
    <row r="66" spans="1:11" ht="9.75" customHeight="1">
      <c r="A66" s="37"/>
      <c r="B66" s="108" t="s">
        <v>146</v>
      </c>
      <c r="C66" s="39"/>
      <c r="D66" s="198">
        <v>31325</v>
      </c>
      <c r="E66" s="198">
        <v>15234</v>
      </c>
      <c r="F66" s="198">
        <v>16091</v>
      </c>
      <c r="G66" s="198">
        <v>12885</v>
      </c>
      <c r="H66" s="198">
        <v>31290</v>
      </c>
      <c r="I66" s="198">
        <v>15224</v>
      </c>
      <c r="J66" s="198">
        <v>16066</v>
      </c>
      <c r="K66" s="213">
        <v>12883</v>
      </c>
    </row>
    <row r="67" spans="1:11" ht="9.75" customHeight="1">
      <c r="A67" s="37"/>
      <c r="B67" s="108" t="s">
        <v>147</v>
      </c>
      <c r="C67" s="39"/>
      <c r="D67" s="198">
        <v>27118</v>
      </c>
      <c r="E67" s="198">
        <v>13040</v>
      </c>
      <c r="F67" s="198">
        <v>14078</v>
      </c>
      <c r="G67" s="198">
        <v>11670</v>
      </c>
      <c r="H67" s="198">
        <v>27101</v>
      </c>
      <c r="I67" s="198">
        <v>13032</v>
      </c>
      <c r="J67" s="198">
        <v>14069</v>
      </c>
      <c r="K67" s="213">
        <v>11675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4894</v>
      </c>
      <c r="E69" s="203">
        <v>31896</v>
      </c>
      <c r="F69" s="203">
        <v>32998</v>
      </c>
      <c r="G69" s="203">
        <v>26187</v>
      </c>
      <c r="H69" s="203">
        <v>64905</v>
      </c>
      <c r="I69" s="203">
        <v>31902</v>
      </c>
      <c r="J69" s="203">
        <v>33003</v>
      </c>
      <c r="K69" s="214">
        <v>26209</v>
      </c>
    </row>
    <row r="70" spans="1:11" ht="9.75" customHeight="1">
      <c r="A70" s="37"/>
      <c r="B70" s="108" t="s">
        <v>149</v>
      </c>
      <c r="C70" s="39"/>
      <c r="D70" s="198">
        <v>9073</v>
      </c>
      <c r="E70" s="198">
        <v>4529</v>
      </c>
      <c r="F70" s="198">
        <v>4544</v>
      </c>
      <c r="G70" s="198">
        <v>3446</v>
      </c>
      <c r="H70" s="198">
        <v>9072</v>
      </c>
      <c r="I70" s="198">
        <v>4530</v>
      </c>
      <c r="J70" s="198">
        <v>4542</v>
      </c>
      <c r="K70" s="213">
        <v>3447</v>
      </c>
    </row>
    <row r="71" spans="1:11" ht="9.75" customHeight="1">
      <c r="A71" s="37"/>
      <c r="B71" s="108" t="s">
        <v>150</v>
      </c>
      <c r="C71" s="39"/>
      <c r="D71" s="198">
        <v>17198</v>
      </c>
      <c r="E71" s="198">
        <v>8445</v>
      </c>
      <c r="F71" s="198">
        <v>8753</v>
      </c>
      <c r="G71" s="198">
        <v>6964</v>
      </c>
      <c r="H71" s="198">
        <v>17214</v>
      </c>
      <c r="I71" s="198">
        <v>8456</v>
      </c>
      <c r="J71" s="198">
        <v>8758</v>
      </c>
      <c r="K71" s="213">
        <v>6981</v>
      </c>
    </row>
    <row r="72" spans="1:11" ht="9.75" customHeight="1">
      <c r="A72" s="37"/>
      <c r="B72" s="108" t="s">
        <v>151</v>
      </c>
      <c r="C72" s="39"/>
      <c r="D72" s="198">
        <v>10550</v>
      </c>
      <c r="E72" s="198">
        <v>5208</v>
      </c>
      <c r="F72" s="198">
        <v>5342</v>
      </c>
      <c r="G72" s="198">
        <v>4597</v>
      </c>
      <c r="H72" s="198">
        <v>10525</v>
      </c>
      <c r="I72" s="198">
        <v>5198</v>
      </c>
      <c r="J72" s="198">
        <v>5327</v>
      </c>
      <c r="K72" s="213">
        <v>4586</v>
      </c>
    </row>
    <row r="73" spans="1:11" ht="9.75" customHeight="1">
      <c r="A73" s="37"/>
      <c r="B73" s="108" t="s">
        <v>152</v>
      </c>
      <c r="C73" s="39"/>
      <c r="D73" s="198">
        <v>9367</v>
      </c>
      <c r="E73" s="198">
        <v>4640</v>
      </c>
      <c r="F73" s="198">
        <v>4727</v>
      </c>
      <c r="G73" s="198">
        <v>3920</v>
      </c>
      <c r="H73" s="198">
        <v>9363</v>
      </c>
      <c r="I73" s="198">
        <v>4636</v>
      </c>
      <c r="J73" s="198">
        <v>4727</v>
      </c>
      <c r="K73" s="213">
        <v>3920</v>
      </c>
    </row>
    <row r="74" spans="1:11" ht="9.75" customHeight="1">
      <c r="A74" s="37"/>
      <c r="B74" s="108" t="s">
        <v>153</v>
      </c>
      <c r="C74" s="39"/>
      <c r="D74" s="198">
        <v>18706</v>
      </c>
      <c r="E74" s="198">
        <v>9074</v>
      </c>
      <c r="F74" s="198">
        <v>9632</v>
      </c>
      <c r="G74" s="198">
        <v>7260</v>
      </c>
      <c r="H74" s="198">
        <v>18731</v>
      </c>
      <c r="I74" s="198">
        <v>9082</v>
      </c>
      <c r="J74" s="198">
        <v>9649</v>
      </c>
      <c r="K74" s="213">
        <v>7275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300</v>
      </c>
      <c r="E76" s="203">
        <v>18880</v>
      </c>
      <c r="F76" s="203">
        <v>21420</v>
      </c>
      <c r="G76" s="203">
        <v>20059</v>
      </c>
      <c r="H76" s="203">
        <v>40203</v>
      </c>
      <c r="I76" s="203">
        <v>18833</v>
      </c>
      <c r="J76" s="203">
        <v>21370</v>
      </c>
      <c r="K76" s="214">
        <v>20028</v>
      </c>
    </row>
    <row r="77" spans="1:11" ht="9.75" customHeight="1">
      <c r="A77" s="37"/>
      <c r="B77" s="108" t="s">
        <v>155</v>
      </c>
      <c r="C77" s="39"/>
      <c r="D77" s="198">
        <v>10980</v>
      </c>
      <c r="E77" s="198">
        <v>5266</v>
      </c>
      <c r="F77" s="198">
        <v>5714</v>
      </c>
      <c r="G77" s="198">
        <v>6342</v>
      </c>
      <c r="H77" s="198">
        <v>10929</v>
      </c>
      <c r="I77" s="198">
        <v>5239</v>
      </c>
      <c r="J77" s="198">
        <v>5690</v>
      </c>
      <c r="K77" s="213">
        <v>6317</v>
      </c>
    </row>
    <row r="78" spans="1:11" ht="9.75" customHeight="1">
      <c r="A78" s="37"/>
      <c r="B78" s="108" t="s">
        <v>156</v>
      </c>
      <c r="C78" s="39"/>
      <c r="D78" s="198">
        <v>6497</v>
      </c>
      <c r="E78" s="198">
        <v>3010</v>
      </c>
      <c r="F78" s="198">
        <v>3487</v>
      </c>
      <c r="G78" s="198">
        <v>2944</v>
      </c>
      <c r="H78" s="198">
        <v>6482</v>
      </c>
      <c r="I78" s="198">
        <v>3003</v>
      </c>
      <c r="J78" s="198">
        <v>3479</v>
      </c>
      <c r="K78" s="213">
        <v>2945</v>
      </c>
    </row>
    <row r="79" spans="1:11" ht="9.75" customHeight="1">
      <c r="A79" s="37"/>
      <c r="B79" s="108" t="s">
        <v>157</v>
      </c>
      <c r="C79" s="39"/>
      <c r="D79" s="198">
        <v>22823</v>
      </c>
      <c r="E79" s="198">
        <v>10604</v>
      </c>
      <c r="F79" s="198">
        <v>12219</v>
      </c>
      <c r="G79" s="198">
        <v>10773</v>
      </c>
      <c r="H79" s="198">
        <v>22792</v>
      </c>
      <c r="I79" s="198">
        <v>10591</v>
      </c>
      <c r="J79" s="198">
        <v>12201</v>
      </c>
      <c r="K79" s="213">
        <v>10766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379</v>
      </c>
      <c r="E81" s="203">
        <v>22138</v>
      </c>
      <c r="F81" s="203">
        <v>20241</v>
      </c>
      <c r="G81" s="203">
        <v>18575</v>
      </c>
      <c r="H81" s="203">
        <v>42375</v>
      </c>
      <c r="I81" s="203">
        <v>22140</v>
      </c>
      <c r="J81" s="203">
        <v>20235</v>
      </c>
      <c r="K81" s="214">
        <v>18595</v>
      </c>
    </row>
    <row r="82" spans="1:11" ht="9.75" customHeight="1">
      <c r="A82" s="37"/>
      <c r="B82" s="108" t="s">
        <v>159</v>
      </c>
      <c r="C82" s="39"/>
      <c r="D82" s="198">
        <v>39407</v>
      </c>
      <c r="E82" s="198">
        <v>20626</v>
      </c>
      <c r="F82" s="198">
        <v>18781</v>
      </c>
      <c r="G82" s="198">
        <v>17441</v>
      </c>
      <c r="H82" s="198">
        <v>39409</v>
      </c>
      <c r="I82" s="198">
        <v>20629</v>
      </c>
      <c r="J82" s="198">
        <v>18780</v>
      </c>
      <c r="K82" s="213">
        <v>17464</v>
      </c>
    </row>
    <row r="83" spans="1:11" ht="9.75" customHeight="1">
      <c r="A83" s="37"/>
      <c r="B83" s="108" t="s">
        <v>160</v>
      </c>
      <c r="C83" s="39"/>
      <c r="D83" s="198">
        <v>2972</v>
      </c>
      <c r="E83" s="198">
        <v>1512</v>
      </c>
      <c r="F83" s="198">
        <v>1460</v>
      </c>
      <c r="G83" s="198">
        <v>1134</v>
      </c>
      <c r="H83" s="198">
        <v>2966</v>
      </c>
      <c r="I83" s="198">
        <v>1511</v>
      </c>
      <c r="J83" s="198">
        <v>1455</v>
      </c>
      <c r="K83" s="213">
        <v>1131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9"/>
  <sheetViews>
    <sheetView view="pageBreakPreview" zoomScaleNormal="115" zoomScaleSheetLayoutView="100" workbookViewId="0">
      <selection activeCell="S1" sqref="S1"/>
    </sheetView>
  </sheetViews>
  <sheetFormatPr defaultRowHeight="14.25"/>
  <cols>
    <col min="1" max="1" width="1.75" style="70" customWidth="1"/>
    <col min="2" max="2" width="9.375" style="70" customWidth="1"/>
    <col min="3" max="3" width="1.25" style="70" customWidth="1"/>
    <col min="4" max="15" width="11.25" style="70" customWidth="1"/>
    <col min="16" max="16" width="1.75" style="70" customWidth="1"/>
    <col min="17" max="17" width="9.375" style="70" customWidth="1"/>
    <col min="18" max="18" width="1.25" style="70" customWidth="1"/>
    <col min="19" max="22" width="6.875" style="70" customWidth="1"/>
  </cols>
  <sheetData>
    <row r="1" spans="1:26" ht="37.5" customHeight="1">
      <c r="B1" s="148"/>
      <c r="C1" s="148"/>
      <c r="D1" s="149" t="s">
        <v>190</v>
      </c>
      <c r="E1" s="149"/>
      <c r="F1" s="149"/>
      <c r="G1" s="149"/>
      <c r="H1" s="149"/>
      <c r="I1" s="149"/>
      <c r="J1" s="148"/>
      <c r="K1" s="148"/>
      <c r="L1" s="148"/>
      <c r="M1" s="148"/>
      <c r="N1" s="148"/>
      <c r="O1" s="148"/>
    </row>
    <row r="2" spans="1:26" ht="18.75" customHeight="1">
      <c r="A2" s="148"/>
      <c r="B2" s="148"/>
      <c r="C2" s="148"/>
      <c r="D2" s="148"/>
      <c r="E2" s="148"/>
      <c r="F2" s="148"/>
      <c r="G2" s="148"/>
      <c r="H2" s="148"/>
      <c r="I2" s="148"/>
      <c r="J2" s="148"/>
      <c r="K2" s="148"/>
      <c r="L2" s="148"/>
      <c r="M2" s="148"/>
      <c r="N2" s="148"/>
      <c r="O2" s="148"/>
    </row>
    <row r="3" spans="1:26" ht="18.75" customHeight="1" thickBot="1">
      <c r="A3" s="77" t="s">
        <v>191</v>
      </c>
      <c r="B3" s="77"/>
      <c r="C3" s="77"/>
      <c r="J3" s="151"/>
      <c r="K3" s="151"/>
      <c r="L3" s="151"/>
      <c r="M3" s="151"/>
      <c r="N3" s="151"/>
      <c r="O3" s="151"/>
      <c r="P3" s="152" t="s">
        <v>75</v>
      </c>
      <c r="Q3" s="152"/>
      <c r="R3" s="152"/>
    </row>
    <row r="4" spans="1:26" ht="22.5" customHeight="1">
      <c r="A4" s="153" t="s">
        <v>192</v>
      </c>
      <c r="B4" s="154"/>
      <c r="C4" s="154"/>
      <c r="D4" s="155" t="s">
        <v>77</v>
      </c>
      <c r="E4" s="155" t="s">
        <v>78</v>
      </c>
      <c r="F4" s="155" t="s">
        <v>79</v>
      </c>
      <c r="G4" s="155" t="s">
        <v>80</v>
      </c>
      <c r="H4" s="155" t="s">
        <v>81</v>
      </c>
      <c r="I4" s="156" t="s">
        <v>82</v>
      </c>
      <c r="J4" s="155" t="s">
        <v>83</v>
      </c>
      <c r="K4" s="155" t="s">
        <v>84</v>
      </c>
      <c r="L4" s="155" t="s">
        <v>85</v>
      </c>
      <c r="M4" s="155" t="s">
        <v>86</v>
      </c>
      <c r="N4" s="155" t="s">
        <v>87</v>
      </c>
      <c r="O4" s="156" t="s">
        <v>88</v>
      </c>
      <c r="P4" s="154" t="s">
        <v>192</v>
      </c>
      <c r="Q4" s="154"/>
      <c r="R4" s="158"/>
    </row>
    <row r="5" spans="1:26" ht="15" customHeight="1">
      <c r="A5" s="8"/>
      <c r="B5" s="39"/>
      <c r="C5" s="39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39"/>
      <c r="Q5" s="39"/>
      <c r="R5" s="161"/>
    </row>
    <row r="6" spans="1:26" ht="15" customHeight="1">
      <c r="A6" s="189" t="s">
        <v>95</v>
      </c>
      <c r="B6" s="190"/>
      <c r="C6" s="16"/>
      <c r="D6" s="17">
        <v>9231177</v>
      </c>
      <c r="E6" s="17">
        <v>9224962</v>
      </c>
      <c r="F6" s="17">
        <v>9219037</v>
      </c>
      <c r="G6" s="17">
        <v>9221129</v>
      </c>
      <c r="H6" s="17">
        <v>9234172</v>
      </c>
      <c r="I6" s="17">
        <v>9237824</v>
      </c>
      <c r="J6" s="17">
        <v>9237123</v>
      </c>
      <c r="K6" s="17">
        <v>9235529</v>
      </c>
      <c r="L6" s="17">
        <v>9234324</v>
      </c>
      <c r="M6" s="17">
        <v>9232794</v>
      </c>
      <c r="N6" s="17">
        <v>9233492</v>
      </c>
      <c r="O6" s="17">
        <v>9232105</v>
      </c>
      <c r="P6" s="190" t="s">
        <v>95</v>
      </c>
      <c r="Q6" s="190"/>
      <c r="R6" s="164"/>
    </row>
    <row r="7" spans="1:26" s="29" customFormat="1" ht="15" customHeight="1">
      <c r="A7" s="193" t="s">
        <v>193</v>
      </c>
      <c r="B7" s="194"/>
      <c r="C7" s="32"/>
      <c r="D7" s="195">
        <v>3772029</v>
      </c>
      <c r="E7" s="195">
        <v>3768902</v>
      </c>
      <c r="F7" s="195">
        <v>3766056</v>
      </c>
      <c r="G7" s="195">
        <v>3768363</v>
      </c>
      <c r="H7" s="195">
        <v>3773214</v>
      </c>
      <c r="I7" s="195">
        <v>3774369</v>
      </c>
      <c r="J7" s="195">
        <v>3773673</v>
      </c>
      <c r="K7" s="195">
        <v>3773607</v>
      </c>
      <c r="L7" s="195">
        <v>3772887</v>
      </c>
      <c r="M7" s="195">
        <v>3771961</v>
      </c>
      <c r="N7" s="195">
        <v>3772421</v>
      </c>
      <c r="O7" s="195">
        <v>3771640</v>
      </c>
      <c r="P7" s="194" t="s">
        <v>193</v>
      </c>
      <c r="Q7" s="194"/>
      <c r="R7" s="167"/>
      <c r="W7" s="30"/>
      <c r="X7" s="30"/>
      <c r="Y7" s="30"/>
      <c r="Z7" s="30"/>
    </row>
    <row r="8" spans="1:26" s="29" customFormat="1" ht="15" customHeight="1">
      <c r="A8" s="193" t="s">
        <v>194</v>
      </c>
      <c r="B8" s="194"/>
      <c r="C8" s="32"/>
      <c r="D8" s="195">
        <v>1538825</v>
      </c>
      <c r="E8" s="195">
        <v>1537929</v>
      </c>
      <c r="F8" s="195">
        <v>1536813</v>
      </c>
      <c r="G8" s="195">
        <v>1538721</v>
      </c>
      <c r="H8" s="195">
        <v>1540962</v>
      </c>
      <c r="I8" s="195">
        <v>1542257</v>
      </c>
      <c r="J8" s="195">
        <v>1542044</v>
      </c>
      <c r="K8" s="195">
        <v>1541488</v>
      </c>
      <c r="L8" s="195">
        <v>1541264</v>
      </c>
      <c r="M8" s="195">
        <v>1540890</v>
      </c>
      <c r="N8" s="195">
        <v>1541109</v>
      </c>
      <c r="O8" s="195">
        <v>1541041</v>
      </c>
      <c r="P8" s="194" t="s">
        <v>194</v>
      </c>
      <c r="Q8" s="194"/>
      <c r="R8" s="167"/>
      <c r="W8" s="30"/>
      <c r="X8" s="30"/>
      <c r="Y8" s="30"/>
      <c r="Z8" s="30"/>
    </row>
    <row r="9" spans="1:26" ht="1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198"/>
      <c r="L9" s="198"/>
      <c r="M9" s="198"/>
      <c r="N9" s="198"/>
      <c r="O9" s="198"/>
      <c r="P9" s="108"/>
      <c r="Q9" s="108"/>
      <c r="R9" s="161"/>
    </row>
    <row r="10" spans="1:26" ht="15" customHeight="1">
      <c r="A10" s="201" t="s">
        <v>195</v>
      </c>
      <c r="B10" s="202"/>
      <c r="C10" s="46"/>
      <c r="D10" s="203">
        <v>685839</v>
      </c>
      <c r="E10" s="203">
        <v>685090</v>
      </c>
      <c r="F10" s="203">
        <v>684415</v>
      </c>
      <c r="G10" s="203">
        <v>682671</v>
      </c>
      <c r="H10" s="203">
        <v>685066</v>
      </c>
      <c r="I10" s="203">
        <v>684593</v>
      </c>
      <c r="J10" s="203">
        <v>683833</v>
      </c>
      <c r="K10" s="203">
        <v>682731</v>
      </c>
      <c r="L10" s="203">
        <v>681808</v>
      </c>
      <c r="M10" s="203">
        <v>681214</v>
      </c>
      <c r="N10" s="203">
        <v>680939</v>
      </c>
      <c r="O10" s="203">
        <v>680409</v>
      </c>
      <c r="P10" s="202" t="s">
        <v>195</v>
      </c>
      <c r="Q10" s="202"/>
      <c r="R10" s="170"/>
    </row>
    <row r="11" spans="1:26" ht="15" customHeight="1">
      <c r="A11" s="37"/>
      <c r="B11" s="108" t="s">
        <v>127</v>
      </c>
      <c r="C11" s="171"/>
      <c r="D11" s="198">
        <v>383260</v>
      </c>
      <c r="E11" s="198">
        <v>382694</v>
      </c>
      <c r="F11" s="198">
        <v>382187</v>
      </c>
      <c r="G11" s="198">
        <v>380492</v>
      </c>
      <c r="H11" s="198">
        <v>382961</v>
      </c>
      <c r="I11" s="198">
        <v>382540</v>
      </c>
      <c r="J11" s="198">
        <v>381908</v>
      </c>
      <c r="K11" s="198">
        <v>381022</v>
      </c>
      <c r="L11" s="198">
        <v>380145</v>
      </c>
      <c r="M11" s="198">
        <v>379803</v>
      </c>
      <c r="N11" s="198">
        <v>379720</v>
      </c>
      <c r="O11" s="198">
        <v>379353</v>
      </c>
      <c r="P11" s="108"/>
      <c r="Q11" s="108" t="s">
        <v>127</v>
      </c>
      <c r="R11" s="174"/>
    </row>
    <row r="12" spans="1:26" ht="15" customHeight="1">
      <c r="A12" s="37"/>
      <c r="B12" s="108" t="s">
        <v>129</v>
      </c>
      <c r="C12" s="171"/>
      <c r="D12" s="198">
        <v>172698</v>
      </c>
      <c r="E12" s="198">
        <v>172616</v>
      </c>
      <c r="F12" s="198">
        <v>172566</v>
      </c>
      <c r="G12" s="198">
        <v>172669</v>
      </c>
      <c r="H12" s="198">
        <v>172659</v>
      </c>
      <c r="I12" s="198">
        <v>172663</v>
      </c>
      <c r="J12" s="198">
        <v>172623</v>
      </c>
      <c r="K12" s="198">
        <v>172526</v>
      </c>
      <c r="L12" s="198">
        <v>172544</v>
      </c>
      <c r="M12" s="198">
        <v>172428</v>
      </c>
      <c r="N12" s="198">
        <v>172343</v>
      </c>
      <c r="O12" s="198">
        <v>172260</v>
      </c>
      <c r="P12" s="108"/>
      <c r="Q12" s="108" t="s">
        <v>129</v>
      </c>
      <c r="R12" s="174"/>
    </row>
    <row r="13" spans="1:26" ht="15" customHeight="1">
      <c r="A13" s="37"/>
      <c r="B13" s="108" t="s">
        <v>133</v>
      </c>
      <c r="C13" s="171"/>
      <c r="D13" s="198">
        <v>56869</v>
      </c>
      <c r="E13" s="198">
        <v>56853</v>
      </c>
      <c r="F13" s="198">
        <v>56826</v>
      </c>
      <c r="G13" s="198">
        <v>56823</v>
      </c>
      <c r="H13" s="198">
        <v>56788</v>
      </c>
      <c r="I13" s="198">
        <v>56740</v>
      </c>
      <c r="J13" s="198">
        <v>56725</v>
      </c>
      <c r="K13" s="198">
        <v>56664</v>
      </c>
      <c r="L13" s="198">
        <v>56677</v>
      </c>
      <c r="M13" s="198">
        <v>56609</v>
      </c>
      <c r="N13" s="198">
        <v>56564</v>
      </c>
      <c r="O13" s="198">
        <v>56523</v>
      </c>
      <c r="P13" s="108"/>
      <c r="Q13" s="108" t="s">
        <v>133</v>
      </c>
      <c r="R13" s="174"/>
    </row>
    <row r="14" spans="1:26" ht="15" customHeight="1">
      <c r="A14" s="37"/>
      <c r="B14" s="108" t="s">
        <v>134</v>
      </c>
      <c r="C14" s="171"/>
      <c r="D14" s="198">
        <v>41361</v>
      </c>
      <c r="E14" s="198">
        <v>41279</v>
      </c>
      <c r="F14" s="198">
        <v>41214</v>
      </c>
      <c r="G14" s="198">
        <v>41115</v>
      </c>
      <c r="H14" s="198">
        <v>41080</v>
      </c>
      <c r="I14" s="198">
        <v>41098</v>
      </c>
      <c r="J14" s="198">
        <v>41062</v>
      </c>
      <c r="K14" s="198">
        <v>41021</v>
      </c>
      <c r="L14" s="198">
        <v>40960</v>
      </c>
      <c r="M14" s="198">
        <v>40943</v>
      </c>
      <c r="N14" s="198">
        <v>40887</v>
      </c>
      <c r="O14" s="198">
        <v>40876</v>
      </c>
      <c r="P14" s="108"/>
      <c r="Q14" s="108" t="s">
        <v>134</v>
      </c>
      <c r="R14" s="174"/>
    </row>
    <row r="15" spans="1:26" ht="15" customHeight="1">
      <c r="A15" s="37"/>
      <c r="B15" s="108" t="s">
        <v>196</v>
      </c>
      <c r="C15" s="171"/>
      <c r="D15" s="198">
        <v>31651</v>
      </c>
      <c r="E15" s="198">
        <v>31648</v>
      </c>
      <c r="F15" s="198">
        <v>31622</v>
      </c>
      <c r="G15" s="198">
        <v>31572</v>
      </c>
      <c r="H15" s="198">
        <v>31578</v>
      </c>
      <c r="I15" s="198">
        <v>31552</v>
      </c>
      <c r="J15" s="198">
        <v>31515</v>
      </c>
      <c r="K15" s="198">
        <v>31498</v>
      </c>
      <c r="L15" s="198">
        <v>31482</v>
      </c>
      <c r="M15" s="198">
        <v>31431</v>
      </c>
      <c r="N15" s="198">
        <v>31425</v>
      </c>
      <c r="O15" s="198">
        <v>31397</v>
      </c>
      <c r="P15" s="108"/>
      <c r="Q15" s="108" t="s">
        <v>196</v>
      </c>
      <c r="R15" s="174"/>
    </row>
    <row r="16" spans="1:26" s="70" customFormat="1" ht="15" customHeight="1">
      <c r="A16" s="37"/>
      <c r="B16" s="108"/>
      <c r="C16" s="39"/>
      <c r="D16" s="198"/>
      <c r="E16" s="198"/>
      <c r="F16" s="198"/>
      <c r="G16" s="198"/>
      <c r="H16" s="198"/>
      <c r="I16" s="198"/>
      <c r="J16" s="198"/>
      <c r="K16" s="198"/>
      <c r="L16" s="198"/>
      <c r="M16" s="198"/>
      <c r="N16" s="198"/>
      <c r="O16" s="198"/>
      <c r="P16" s="108"/>
      <c r="Q16" s="108"/>
      <c r="R16" s="161"/>
      <c r="W16"/>
      <c r="X16"/>
      <c r="Y16"/>
      <c r="Z16"/>
    </row>
    <row r="17" spans="1:26" s="70" customFormat="1" ht="15" customHeight="1">
      <c r="A17" s="201" t="s">
        <v>197</v>
      </c>
      <c r="B17" s="202"/>
      <c r="C17" s="46"/>
      <c r="D17" s="203">
        <v>1586768</v>
      </c>
      <c r="E17" s="203">
        <v>1586207</v>
      </c>
      <c r="F17" s="203">
        <v>1585886</v>
      </c>
      <c r="G17" s="203">
        <v>1586043</v>
      </c>
      <c r="H17" s="203">
        <v>1587809</v>
      </c>
      <c r="I17" s="203">
        <v>1589136</v>
      </c>
      <c r="J17" s="203">
        <v>1589828</v>
      </c>
      <c r="K17" s="203">
        <v>1589983</v>
      </c>
      <c r="L17" s="203">
        <v>1590436</v>
      </c>
      <c r="M17" s="203">
        <v>1590629</v>
      </c>
      <c r="N17" s="203">
        <v>1590719</v>
      </c>
      <c r="O17" s="203">
        <v>1590706</v>
      </c>
      <c r="P17" s="202" t="s">
        <v>197</v>
      </c>
      <c r="Q17" s="202"/>
      <c r="R17" s="170"/>
      <c r="W17"/>
      <c r="X17"/>
      <c r="Y17"/>
      <c r="Z17"/>
    </row>
    <row r="18" spans="1:26" s="70" customFormat="1" ht="15" customHeight="1">
      <c r="A18" s="37"/>
      <c r="B18" s="108" t="s">
        <v>125</v>
      </c>
      <c r="C18" s="39"/>
      <c r="D18" s="198">
        <v>726025</v>
      </c>
      <c r="E18" s="198">
        <v>725712</v>
      </c>
      <c r="F18" s="198">
        <v>725463</v>
      </c>
      <c r="G18" s="198">
        <v>725369</v>
      </c>
      <c r="H18" s="198">
        <v>726087</v>
      </c>
      <c r="I18" s="198">
        <v>726485</v>
      </c>
      <c r="J18" s="198">
        <v>726660</v>
      </c>
      <c r="K18" s="198">
        <v>726553</v>
      </c>
      <c r="L18" s="198">
        <v>726535</v>
      </c>
      <c r="M18" s="198">
        <v>726559</v>
      </c>
      <c r="N18" s="198">
        <v>726558</v>
      </c>
      <c r="O18" s="198">
        <v>726373</v>
      </c>
      <c r="P18" s="108"/>
      <c r="Q18" s="108" t="s">
        <v>125</v>
      </c>
      <c r="R18" s="161"/>
      <c r="W18"/>
      <c r="X18"/>
      <c r="Y18"/>
      <c r="Z18"/>
    </row>
    <row r="19" spans="1:26" s="70" customFormat="1" ht="15" customHeight="1">
      <c r="A19" s="37"/>
      <c r="B19" s="108" t="s">
        <v>136</v>
      </c>
      <c r="C19" s="39"/>
      <c r="D19" s="198">
        <v>223571</v>
      </c>
      <c r="E19" s="198">
        <v>223498</v>
      </c>
      <c r="F19" s="198">
        <v>223402</v>
      </c>
      <c r="G19" s="198">
        <v>223506</v>
      </c>
      <c r="H19" s="198">
        <v>223794</v>
      </c>
      <c r="I19" s="198">
        <v>223991</v>
      </c>
      <c r="J19" s="198">
        <v>224051</v>
      </c>
      <c r="K19" s="198">
        <v>224055</v>
      </c>
      <c r="L19" s="198">
        <v>224095</v>
      </c>
      <c r="M19" s="198">
        <v>224095</v>
      </c>
      <c r="N19" s="198">
        <v>224049</v>
      </c>
      <c r="O19" s="198">
        <v>224036</v>
      </c>
      <c r="P19" s="108"/>
      <c r="Q19" s="108" t="s">
        <v>136</v>
      </c>
      <c r="R19" s="161"/>
      <c r="W19"/>
      <c r="X19"/>
      <c r="Y19"/>
      <c r="Z19"/>
    </row>
    <row r="20" spans="1:26" s="70" customFormat="1" ht="15" customHeight="1">
      <c r="A20" s="37"/>
      <c r="B20" s="108" t="s">
        <v>137</v>
      </c>
      <c r="C20" s="39"/>
      <c r="D20" s="198">
        <v>241583</v>
      </c>
      <c r="E20" s="198">
        <v>241492</v>
      </c>
      <c r="F20" s="198">
        <v>241558</v>
      </c>
      <c r="G20" s="198">
        <v>241565</v>
      </c>
      <c r="H20" s="198">
        <v>241678</v>
      </c>
      <c r="I20" s="198">
        <v>241956</v>
      </c>
      <c r="J20" s="198">
        <v>242143</v>
      </c>
      <c r="K20" s="198">
        <v>242300</v>
      </c>
      <c r="L20" s="198">
        <v>242567</v>
      </c>
      <c r="M20" s="198">
        <v>242680</v>
      </c>
      <c r="N20" s="198">
        <v>242872</v>
      </c>
      <c r="O20" s="198">
        <v>242986</v>
      </c>
      <c r="P20" s="108"/>
      <c r="Q20" s="108" t="s">
        <v>137</v>
      </c>
      <c r="R20" s="161"/>
      <c r="W20"/>
      <c r="X20"/>
      <c r="Y20"/>
      <c r="Z20"/>
    </row>
    <row r="21" spans="1:26" s="70" customFormat="1" ht="15" customHeight="1">
      <c r="A21" s="37"/>
      <c r="B21" s="108" t="s">
        <v>139</v>
      </c>
      <c r="C21" s="39"/>
      <c r="D21" s="198">
        <v>137523</v>
      </c>
      <c r="E21" s="198">
        <v>137517</v>
      </c>
      <c r="F21" s="198">
        <v>137575</v>
      </c>
      <c r="G21" s="198">
        <v>137987</v>
      </c>
      <c r="H21" s="198">
        <v>138651</v>
      </c>
      <c r="I21" s="198">
        <v>138856</v>
      </c>
      <c r="J21" s="198">
        <v>139038</v>
      </c>
      <c r="K21" s="198">
        <v>139163</v>
      </c>
      <c r="L21" s="198">
        <v>139232</v>
      </c>
      <c r="M21" s="198">
        <v>139387</v>
      </c>
      <c r="N21" s="198">
        <v>139415</v>
      </c>
      <c r="O21" s="198">
        <v>139529</v>
      </c>
      <c r="P21" s="108"/>
      <c r="Q21" s="108" t="s">
        <v>139</v>
      </c>
      <c r="R21" s="161"/>
      <c r="W21"/>
      <c r="X21"/>
      <c r="Y21"/>
      <c r="Z21"/>
    </row>
    <row r="22" spans="1:26" s="70" customFormat="1" ht="15" customHeight="1">
      <c r="A22" s="37"/>
      <c r="B22" s="108" t="s">
        <v>140</v>
      </c>
      <c r="C22" s="39"/>
      <c r="D22" s="198">
        <v>132260</v>
      </c>
      <c r="E22" s="198">
        <v>132253</v>
      </c>
      <c r="F22" s="198">
        <v>132151</v>
      </c>
      <c r="G22" s="198">
        <v>131976</v>
      </c>
      <c r="H22" s="198">
        <v>131903</v>
      </c>
      <c r="I22" s="198">
        <v>132064</v>
      </c>
      <c r="J22" s="198">
        <v>132092</v>
      </c>
      <c r="K22" s="198">
        <v>132131</v>
      </c>
      <c r="L22" s="198">
        <v>132249</v>
      </c>
      <c r="M22" s="198">
        <v>132182</v>
      </c>
      <c r="N22" s="198">
        <v>132150</v>
      </c>
      <c r="O22" s="198">
        <v>132149</v>
      </c>
      <c r="P22" s="108"/>
      <c r="Q22" s="108" t="s">
        <v>140</v>
      </c>
      <c r="R22" s="161"/>
      <c r="W22"/>
      <c r="X22"/>
      <c r="Y22"/>
      <c r="Z22"/>
    </row>
    <row r="23" spans="1:26" s="70" customFormat="1" ht="15" customHeight="1">
      <c r="A23" s="37"/>
      <c r="B23" s="108" t="s">
        <v>142</v>
      </c>
      <c r="C23" s="39"/>
      <c r="D23" s="198">
        <v>83304</v>
      </c>
      <c r="E23" s="198">
        <v>83280</v>
      </c>
      <c r="F23" s="198">
        <v>83284</v>
      </c>
      <c r="G23" s="198">
        <v>83210</v>
      </c>
      <c r="H23" s="198">
        <v>83261</v>
      </c>
      <c r="I23" s="198">
        <v>83355</v>
      </c>
      <c r="J23" s="198">
        <v>83418</v>
      </c>
      <c r="K23" s="198">
        <v>83356</v>
      </c>
      <c r="L23" s="198">
        <v>83342</v>
      </c>
      <c r="M23" s="198">
        <v>83333</v>
      </c>
      <c r="N23" s="198">
        <v>83296</v>
      </c>
      <c r="O23" s="198">
        <v>83258</v>
      </c>
      <c r="P23" s="108"/>
      <c r="Q23" s="108" t="s">
        <v>142</v>
      </c>
      <c r="R23" s="161"/>
      <c r="W23"/>
      <c r="X23"/>
      <c r="Y23"/>
      <c r="Z23"/>
    </row>
    <row r="24" spans="1:26" s="70" customFormat="1" ht="15" customHeight="1">
      <c r="A24" s="37"/>
      <c r="B24" s="108" t="s">
        <v>159</v>
      </c>
      <c r="C24" s="39"/>
      <c r="D24" s="198">
        <v>39492</v>
      </c>
      <c r="E24" s="198">
        <v>39446</v>
      </c>
      <c r="F24" s="198">
        <v>39451</v>
      </c>
      <c r="G24" s="198">
        <v>39443</v>
      </c>
      <c r="H24" s="198">
        <v>39450</v>
      </c>
      <c r="I24" s="198">
        <v>39445</v>
      </c>
      <c r="J24" s="198">
        <v>39437</v>
      </c>
      <c r="K24" s="198">
        <v>39436</v>
      </c>
      <c r="L24" s="198">
        <v>39431</v>
      </c>
      <c r="M24" s="198">
        <v>39412</v>
      </c>
      <c r="N24" s="198">
        <v>39407</v>
      </c>
      <c r="O24" s="198">
        <v>39409</v>
      </c>
      <c r="P24" s="108"/>
      <c r="Q24" s="108" t="s">
        <v>159</v>
      </c>
      <c r="R24" s="161"/>
      <c r="W24"/>
      <c r="X24"/>
      <c r="Y24"/>
      <c r="Z24"/>
    </row>
    <row r="25" spans="1:26" s="70" customFormat="1" ht="15" customHeight="1">
      <c r="A25" s="37"/>
      <c r="B25" s="108" t="s">
        <v>160</v>
      </c>
      <c r="C25" s="39"/>
      <c r="D25" s="198">
        <v>3010</v>
      </c>
      <c r="E25" s="198">
        <v>3009</v>
      </c>
      <c r="F25" s="198">
        <v>3002</v>
      </c>
      <c r="G25" s="198">
        <v>2987</v>
      </c>
      <c r="H25" s="198">
        <v>2985</v>
      </c>
      <c r="I25" s="198">
        <v>2984</v>
      </c>
      <c r="J25" s="198">
        <v>2989</v>
      </c>
      <c r="K25" s="198">
        <v>2989</v>
      </c>
      <c r="L25" s="198">
        <v>2985</v>
      </c>
      <c r="M25" s="198">
        <v>2981</v>
      </c>
      <c r="N25" s="198">
        <v>2972</v>
      </c>
      <c r="O25" s="198">
        <v>2966</v>
      </c>
      <c r="P25" s="108"/>
      <c r="Q25" s="108" t="s">
        <v>160</v>
      </c>
      <c r="R25" s="161"/>
      <c r="W25"/>
      <c r="X25"/>
      <c r="Y25"/>
      <c r="Z25"/>
    </row>
    <row r="26" spans="1:26" s="70" customFormat="1" ht="15" customHeight="1">
      <c r="A26" s="37"/>
      <c r="B26" s="108"/>
      <c r="C26" s="39"/>
      <c r="D26" s="198"/>
      <c r="E26" s="198"/>
      <c r="F26" s="198"/>
      <c r="G26" s="198"/>
      <c r="H26" s="198"/>
      <c r="I26" s="198"/>
      <c r="J26" s="198"/>
      <c r="K26" s="198"/>
      <c r="L26" s="198"/>
      <c r="M26" s="198"/>
      <c r="N26" s="198"/>
      <c r="O26" s="198"/>
      <c r="P26" s="108"/>
      <c r="Q26" s="108"/>
      <c r="R26" s="161"/>
      <c r="W26"/>
      <c r="X26"/>
      <c r="Y26"/>
      <c r="Z26"/>
    </row>
    <row r="27" spans="1:26" s="70" customFormat="1" ht="15" customHeight="1">
      <c r="A27" s="201" t="s">
        <v>198</v>
      </c>
      <c r="B27" s="202"/>
      <c r="C27" s="46"/>
      <c r="D27" s="203">
        <v>1313636</v>
      </c>
      <c r="E27" s="203">
        <v>1313156</v>
      </c>
      <c r="F27" s="203">
        <v>1312474</v>
      </c>
      <c r="G27" s="203">
        <v>1312397</v>
      </c>
      <c r="H27" s="203">
        <v>1313842</v>
      </c>
      <c r="I27" s="203">
        <v>1314391</v>
      </c>
      <c r="J27" s="203">
        <v>1314645</v>
      </c>
      <c r="K27" s="203">
        <v>1314781</v>
      </c>
      <c r="L27" s="203">
        <v>1315142</v>
      </c>
      <c r="M27" s="203">
        <v>1315371</v>
      </c>
      <c r="N27" s="203">
        <v>1315636</v>
      </c>
      <c r="O27" s="203">
        <v>1315807</v>
      </c>
      <c r="P27" s="202" t="s">
        <v>198</v>
      </c>
      <c r="Q27" s="202"/>
      <c r="R27" s="170"/>
      <c r="W27"/>
      <c r="X27"/>
      <c r="Y27"/>
      <c r="Z27"/>
    </row>
    <row r="28" spans="1:26" s="70" customFormat="1" ht="15" customHeight="1">
      <c r="A28" s="37"/>
      <c r="B28" s="108" t="s">
        <v>128</v>
      </c>
      <c r="C28" s="39"/>
      <c r="D28" s="198">
        <v>257631</v>
      </c>
      <c r="E28" s="198">
        <v>257504</v>
      </c>
      <c r="F28" s="198">
        <v>257382</v>
      </c>
      <c r="G28" s="198">
        <v>257274</v>
      </c>
      <c r="H28" s="198">
        <v>257425</v>
      </c>
      <c r="I28" s="198">
        <v>257503</v>
      </c>
      <c r="J28" s="198">
        <v>257608</v>
      </c>
      <c r="K28" s="198">
        <v>257614</v>
      </c>
      <c r="L28" s="198">
        <v>257671</v>
      </c>
      <c r="M28" s="198">
        <v>257713</v>
      </c>
      <c r="N28" s="198">
        <v>257733</v>
      </c>
      <c r="O28" s="198">
        <v>257766</v>
      </c>
      <c r="P28" s="108"/>
      <c r="Q28" s="108" t="s">
        <v>128</v>
      </c>
      <c r="R28" s="161"/>
      <c r="W28"/>
      <c r="X28"/>
      <c r="Y28"/>
      <c r="Z28"/>
    </row>
    <row r="29" spans="1:26" s="70" customFormat="1" ht="15" customHeight="1">
      <c r="A29" s="37"/>
      <c r="B29" s="108" t="s">
        <v>130</v>
      </c>
      <c r="C29" s="39"/>
      <c r="D29" s="198">
        <v>441708</v>
      </c>
      <c r="E29" s="198">
        <v>441643</v>
      </c>
      <c r="F29" s="198">
        <v>441500</v>
      </c>
      <c r="G29" s="198">
        <v>441547</v>
      </c>
      <c r="H29" s="198">
        <v>442500</v>
      </c>
      <c r="I29" s="198">
        <v>442783</v>
      </c>
      <c r="J29" s="198">
        <v>442857</v>
      </c>
      <c r="K29" s="198">
        <v>443009</v>
      </c>
      <c r="L29" s="198">
        <v>443272</v>
      </c>
      <c r="M29" s="198">
        <v>443451</v>
      </c>
      <c r="N29" s="198">
        <v>443579</v>
      </c>
      <c r="O29" s="198">
        <v>443770</v>
      </c>
      <c r="P29" s="108"/>
      <c r="Q29" s="108" t="s">
        <v>130</v>
      </c>
      <c r="R29" s="161"/>
      <c r="W29"/>
      <c r="X29"/>
      <c r="Y29"/>
      <c r="Z29"/>
    </row>
    <row r="30" spans="1:26" s="70" customFormat="1" ht="15" customHeight="1">
      <c r="A30" s="37"/>
      <c r="B30" s="108" t="s">
        <v>199</v>
      </c>
      <c r="C30" s="39"/>
      <c r="D30" s="198">
        <v>243835</v>
      </c>
      <c r="E30" s="198">
        <v>243799</v>
      </c>
      <c r="F30" s="198">
        <v>243714</v>
      </c>
      <c r="G30" s="198">
        <v>243670</v>
      </c>
      <c r="H30" s="198">
        <v>243848</v>
      </c>
      <c r="I30" s="198">
        <v>243951</v>
      </c>
      <c r="J30" s="198">
        <v>243921</v>
      </c>
      <c r="K30" s="198">
        <v>243918</v>
      </c>
      <c r="L30" s="198">
        <v>243957</v>
      </c>
      <c r="M30" s="198">
        <v>244091</v>
      </c>
      <c r="N30" s="198">
        <v>244242</v>
      </c>
      <c r="O30" s="198">
        <v>244312</v>
      </c>
      <c r="P30" s="108"/>
      <c r="Q30" s="108" t="s">
        <v>199</v>
      </c>
      <c r="R30" s="161"/>
      <c r="W30"/>
      <c r="X30"/>
      <c r="Y30"/>
      <c r="Z30"/>
    </row>
    <row r="31" spans="1:26" s="70" customFormat="1" ht="15" customHeight="1">
      <c r="A31" s="37"/>
      <c r="B31" s="108" t="s">
        <v>135</v>
      </c>
      <c r="C31" s="39"/>
      <c r="D31" s="198">
        <v>161949</v>
      </c>
      <c r="E31" s="198">
        <v>161826</v>
      </c>
      <c r="F31" s="198">
        <v>161661</v>
      </c>
      <c r="G31" s="198">
        <v>161639</v>
      </c>
      <c r="H31" s="198">
        <v>161756</v>
      </c>
      <c r="I31" s="198">
        <v>161745</v>
      </c>
      <c r="J31" s="198">
        <v>161805</v>
      </c>
      <c r="K31" s="198">
        <v>161762</v>
      </c>
      <c r="L31" s="198">
        <v>161705</v>
      </c>
      <c r="M31" s="198">
        <v>161652</v>
      </c>
      <c r="N31" s="198">
        <v>161667</v>
      </c>
      <c r="O31" s="198">
        <v>161630</v>
      </c>
      <c r="P31" s="108"/>
      <c r="Q31" s="108" t="s">
        <v>135</v>
      </c>
      <c r="R31" s="161"/>
      <c r="W31"/>
      <c r="X31"/>
      <c r="Y31"/>
      <c r="Z31"/>
    </row>
    <row r="32" spans="1:26" s="70" customFormat="1" ht="15" customHeight="1">
      <c r="A32" s="37"/>
      <c r="B32" s="108" t="s">
        <v>138</v>
      </c>
      <c r="C32" s="39"/>
      <c r="D32" s="198">
        <v>101113</v>
      </c>
      <c r="E32" s="198">
        <v>101021</v>
      </c>
      <c r="F32" s="198">
        <v>100900</v>
      </c>
      <c r="G32" s="198">
        <v>101119</v>
      </c>
      <c r="H32" s="198">
        <v>101180</v>
      </c>
      <c r="I32" s="198">
        <v>101273</v>
      </c>
      <c r="J32" s="198">
        <v>101332</v>
      </c>
      <c r="K32" s="198">
        <v>101316</v>
      </c>
      <c r="L32" s="198">
        <v>101379</v>
      </c>
      <c r="M32" s="198">
        <v>101360</v>
      </c>
      <c r="N32" s="198">
        <v>101343</v>
      </c>
      <c r="O32" s="198">
        <v>101309</v>
      </c>
      <c r="P32" s="108"/>
      <c r="Q32" s="108" t="s">
        <v>138</v>
      </c>
      <c r="R32" s="161"/>
      <c r="W32"/>
      <c r="X32"/>
      <c r="Y32"/>
      <c r="Z32"/>
    </row>
    <row r="33" spans="1:26" s="70" customFormat="1" ht="15" customHeight="1">
      <c r="A33" s="37"/>
      <c r="B33" s="108" t="s">
        <v>200</v>
      </c>
      <c r="C33" s="39"/>
      <c r="D33" s="198">
        <v>48570</v>
      </c>
      <c r="E33" s="198">
        <v>48575</v>
      </c>
      <c r="F33" s="198">
        <v>48584</v>
      </c>
      <c r="G33" s="198">
        <v>48528</v>
      </c>
      <c r="H33" s="198">
        <v>48554</v>
      </c>
      <c r="I33" s="198">
        <v>48553</v>
      </c>
      <c r="J33" s="198">
        <v>48557</v>
      </c>
      <c r="K33" s="198">
        <v>48564</v>
      </c>
      <c r="L33" s="198">
        <v>48592</v>
      </c>
      <c r="M33" s="198">
        <v>48631</v>
      </c>
      <c r="N33" s="198">
        <v>48629</v>
      </c>
      <c r="O33" s="198">
        <v>48629</v>
      </c>
      <c r="P33" s="108"/>
      <c r="Q33" s="108" t="s">
        <v>200</v>
      </c>
      <c r="R33" s="161"/>
      <c r="W33"/>
      <c r="X33"/>
      <c r="Y33"/>
      <c r="Z33"/>
    </row>
    <row r="34" spans="1:26" s="70" customFormat="1" ht="15" customHeight="1">
      <c r="A34" s="37"/>
      <c r="B34" s="108" t="s">
        <v>146</v>
      </c>
      <c r="C34" s="39"/>
      <c r="D34" s="198">
        <v>31461</v>
      </c>
      <c r="E34" s="198">
        <v>31462</v>
      </c>
      <c r="F34" s="198">
        <v>31428</v>
      </c>
      <c r="G34" s="198">
        <v>31392</v>
      </c>
      <c r="H34" s="198">
        <v>31378</v>
      </c>
      <c r="I34" s="198">
        <v>31388</v>
      </c>
      <c r="J34" s="198">
        <v>31385</v>
      </c>
      <c r="K34" s="198">
        <v>31421</v>
      </c>
      <c r="L34" s="198">
        <v>31407</v>
      </c>
      <c r="M34" s="198">
        <v>31353</v>
      </c>
      <c r="N34" s="198">
        <v>31325</v>
      </c>
      <c r="O34" s="198">
        <v>31290</v>
      </c>
      <c r="P34" s="108"/>
      <c r="Q34" s="108" t="s">
        <v>146</v>
      </c>
      <c r="R34" s="161"/>
      <c r="W34"/>
      <c r="X34"/>
      <c r="Y34"/>
      <c r="Z34"/>
    </row>
    <row r="35" spans="1:26" s="70" customFormat="1" ht="15" customHeight="1">
      <c r="A35" s="37"/>
      <c r="B35" s="108" t="s">
        <v>147</v>
      </c>
      <c r="C35" s="39"/>
      <c r="D35" s="198">
        <v>27369</v>
      </c>
      <c r="E35" s="198">
        <v>27326</v>
      </c>
      <c r="F35" s="198">
        <v>27305</v>
      </c>
      <c r="G35" s="198">
        <v>27228</v>
      </c>
      <c r="H35" s="198">
        <v>27201</v>
      </c>
      <c r="I35" s="198">
        <v>27195</v>
      </c>
      <c r="J35" s="198">
        <v>27180</v>
      </c>
      <c r="K35" s="198">
        <v>27177</v>
      </c>
      <c r="L35" s="198">
        <v>27159</v>
      </c>
      <c r="M35" s="198">
        <v>27120</v>
      </c>
      <c r="N35" s="198">
        <v>27118</v>
      </c>
      <c r="O35" s="198">
        <v>27101</v>
      </c>
      <c r="P35" s="108"/>
      <c r="Q35" s="108" t="s">
        <v>147</v>
      </c>
      <c r="R35" s="161"/>
      <c r="W35"/>
      <c r="X35"/>
      <c r="Y35"/>
      <c r="Z35"/>
    </row>
    <row r="36" spans="1:26" s="70" customFormat="1" ht="15" customHeight="1">
      <c r="A36" s="37"/>
      <c r="B36" s="108"/>
      <c r="C36" s="39"/>
      <c r="D36" s="198"/>
      <c r="E36" s="198"/>
      <c r="F36" s="198"/>
      <c r="G36" s="198"/>
      <c r="H36" s="198"/>
      <c r="I36" s="198"/>
      <c r="J36" s="198"/>
      <c r="K36" s="198"/>
      <c r="L36" s="198"/>
      <c r="M36" s="198"/>
      <c r="N36" s="198"/>
      <c r="O36" s="198"/>
      <c r="P36" s="108"/>
      <c r="Q36" s="108"/>
      <c r="R36" s="161"/>
      <c r="W36"/>
      <c r="X36"/>
      <c r="Y36"/>
      <c r="Z36"/>
    </row>
    <row r="37" spans="1:26" s="70" customFormat="1" ht="15" customHeight="1">
      <c r="A37" s="201" t="s">
        <v>201</v>
      </c>
      <c r="B37" s="202"/>
      <c r="C37" s="46"/>
      <c r="D37" s="203">
        <v>334080</v>
      </c>
      <c r="E37" s="203">
        <v>333678</v>
      </c>
      <c r="F37" s="203">
        <v>333393</v>
      </c>
      <c r="G37" s="203">
        <v>332934</v>
      </c>
      <c r="H37" s="203">
        <v>333279</v>
      </c>
      <c r="I37" s="203">
        <v>333078</v>
      </c>
      <c r="J37" s="203">
        <v>333100</v>
      </c>
      <c r="K37" s="203">
        <v>332939</v>
      </c>
      <c r="L37" s="203">
        <v>332787</v>
      </c>
      <c r="M37" s="203">
        <v>332729</v>
      </c>
      <c r="N37" s="203">
        <v>332668</v>
      </c>
      <c r="O37" s="203">
        <v>332502</v>
      </c>
      <c r="P37" s="202" t="s">
        <v>201</v>
      </c>
      <c r="Q37" s="202"/>
      <c r="R37" s="170"/>
      <c r="W37"/>
      <c r="X37"/>
      <c r="Y37"/>
      <c r="Z37"/>
    </row>
    <row r="38" spans="1:26" s="70" customFormat="1" ht="15" customHeight="1">
      <c r="A38" s="37"/>
      <c r="B38" s="108" t="s">
        <v>131</v>
      </c>
      <c r="C38" s="39"/>
      <c r="D38" s="198">
        <v>188025</v>
      </c>
      <c r="E38" s="198">
        <v>187864</v>
      </c>
      <c r="F38" s="198">
        <v>187739</v>
      </c>
      <c r="G38" s="198">
        <v>187510</v>
      </c>
      <c r="H38" s="198">
        <v>187680</v>
      </c>
      <c r="I38" s="198">
        <v>187564</v>
      </c>
      <c r="J38" s="198">
        <v>187617</v>
      </c>
      <c r="K38" s="198">
        <v>187554</v>
      </c>
      <c r="L38" s="198">
        <v>187451</v>
      </c>
      <c r="M38" s="198">
        <v>187347</v>
      </c>
      <c r="N38" s="198">
        <v>187325</v>
      </c>
      <c r="O38" s="198">
        <v>187252</v>
      </c>
      <c r="P38" s="108"/>
      <c r="Q38" s="108" t="s">
        <v>131</v>
      </c>
      <c r="R38" s="161"/>
      <c r="W38"/>
      <c r="X38"/>
      <c r="Y38"/>
      <c r="Z38"/>
    </row>
    <row r="39" spans="1:26" s="70" customFormat="1" ht="15" customHeight="1">
      <c r="A39" s="37"/>
      <c r="B39" s="108" t="s">
        <v>141</v>
      </c>
      <c r="C39" s="39"/>
      <c r="D39" s="198">
        <v>40332</v>
      </c>
      <c r="E39" s="198">
        <v>40267</v>
      </c>
      <c r="F39" s="198">
        <v>40247</v>
      </c>
      <c r="G39" s="198">
        <v>40172</v>
      </c>
      <c r="H39" s="198">
        <v>40197</v>
      </c>
      <c r="I39" s="198">
        <v>40226</v>
      </c>
      <c r="J39" s="198">
        <v>40246</v>
      </c>
      <c r="K39" s="198">
        <v>40217</v>
      </c>
      <c r="L39" s="198">
        <v>40166</v>
      </c>
      <c r="M39" s="198">
        <v>40190</v>
      </c>
      <c r="N39" s="198">
        <v>40149</v>
      </c>
      <c r="O39" s="198">
        <v>40142</v>
      </c>
      <c r="P39" s="108"/>
      <c r="Q39" s="108" t="s">
        <v>141</v>
      </c>
      <c r="R39" s="161"/>
      <c r="W39"/>
      <c r="X39"/>
      <c r="Y39"/>
      <c r="Z39"/>
    </row>
    <row r="40" spans="1:26" s="70" customFormat="1" ht="15" customHeight="1">
      <c r="A40" s="37"/>
      <c r="B40" s="108" t="s">
        <v>149</v>
      </c>
      <c r="C40" s="39"/>
      <c r="D40" s="198">
        <v>9100</v>
      </c>
      <c r="E40" s="198">
        <v>9090</v>
      </c>
      <c r="F40" s="198">
        <v>9095</v>
      </c>
      <c r="G40" s="198">
        <v>9064</v>
      </c>
      <c r="H40" s="198">
        <v>9076</v>
      </c>
      <c r="I40" s="198">
        <v>9074</v>
      </c>
      <c r="J40" s="198">
        <v>9063</v>
      </c>
      <c r="K40" s="198">
        <v>9074</v>
      </c>
      <c r="L40" s="198">
        <v>9080</v>
      </c>
      <c r="M40" s="198">
        <v>9098</v>
      </c>
      <c r="N40" s="198">
        <v>9073</v>
      </c>
      <c r="O40" s="198">
        <v>9072</v>
      </c>
      <c r="P40" s="108"/>
      <c r="Q40" s="108" t="s">
        <v>149</v>
      </c>
      <c r="R40" s="161"/>
      <c r="W40"/>
      <c r="X40"/>
      <c r="Y40"/>
      <c r="Z40"/>
    </row>
    <row r="41" spans="1:26" s="70" customFormat="1" ht="15" customHeight="1">
      <c r="A41" s="37"/>
      <c r="B41" s="108" t="s">
        <v>150</v>
      </c>
      <c r="C41" s="39"/>
      <c r="D41" s="198">
        <v>17195</v>
      </c>
      <c r="E41" s="198">
        <v>17176</v>
      </c>
      <c r="F41" s="198">
        <v>17176</v>
      </c>
      <c r="G41" s="198">
        <v>17155</v>
      </c>
      <c r="H41" s="198">
        <v>17165</v>
      </c>
      <c r="I41" s="198">
        <v>17182</v>
      </c>
      <c r="J41" s="198">
        <v>17191</v>
      </c>
      <c r="K41" s="198">
        <v>17177</v>
      </c>
      <c r="L41" s="198">
        <v>17178</v>
      </c>
      <c r="M41" s="198">
        <v>17219</v>
      </c>
      <c r="N41" s="198">
        <v>17198</v>
      </c>
      <c r="O41" s="198">
        <v>17214</v>
      </c>
      <c r="P41" s="108"/>
      <c r="Q41" s="108" t="s">
        <v>150</v>
      </c>
      <c r="R41" s="161"/>
      <c r="W41"/>
      <c r="X41"/>
      <c r="Y41"/>
      <c r="Z41"/>
    </row>
    <row r="42" spans="1:26" s="70" customFormat="1" ht="15" customHeight="1">
      <c r="A42" s="37"/>
      <c r="B42" s="108" t="s">
        <v>151</v>
      </c>
      <c r="C42" s="39"/>
      <c r="D42" s="198">
        <v>10613</v>
      </c>
      <c r="E42" s="198">
        <v>10574</v>
      </c>
      <c r="F42" s="198">
        <v>10552</v>
      </c>
      <c r="G42" s="198">
        <v>10543</v>
      </c>
      <c r="H42" s="198">
        <v>10564</v>
      </c>
      <c r="I42" s="198">
        <v>10541</v>
      </c>
      <c r="J42" s="198">
        <v>10497</v>
      </c>
      <c r="K42" s="198">
        <v>10458</v>
      </c>
      <c r="L42" s="198">
        <v>10500</v>
      </c>
      <c r="M42" s="198">
        <v>10477</v>
      </c>
      <c r="N42" s="198">
        <v>10550</v>
      </c>
      <c r="O42" s="198">
        <v>10525</v>
      </c>
      <c r="P42" s="108"/>
      <c r="Q42" s="108" t="s">
        <v>151</v>
      </c>
      <c r="R42" s="161"/>
      <c r="W42"/>
      <c r="X42"/>
      <c r="Y42"/>
      <c r="Z42"/>
    </row>
    <row r="43" spans="1:26" s="70" customFormat="1" ht="15" customHeight="1">
      <c r="A43" s="37"/>
      <c r="B43" s="108" t="s">
        <v>152</v>
      </c>
      <c r="C43" s="39"/>
      <c r="D43" s="198">
        <v>9556</v>
      </c>
      <c r="E43" s="198">
        <v>9546</v>
      </c>
      <c r="F43" s="198">
        <v>9532</v>
      </c>
      <c r="G43" s="198">
        <v>9502</v>
      </c>
      <c r="H43" s="198">
        <v>9484</v>
      </c>
      <c r="I43" s="198">
        <v>9430</v>
      </c>
      <c r="J43" s="198">
        <v>9425</v>
      </c>
      <c r="K43" s="198">
        <v>9411</v>
      </c>
      <c r="L43" s="198">
        <v>9392</v>
      </c>
      <c r="M43" s="198">
        <v>9377</v>
      </c>
      <c r="N43" s="198">
        <v>9367</v>
      </c>
      <c r="O43" s="198">
        <v>9363</v>
      </c>
      <c r="P43" s="108"/>
      <c r="Q43" s="108" t="s">
        <v>152</v>
      </c>
      <c r="R43" s="161"/>
      <c r="W43"/>
      <c r="X43"/>
      <c r="Y43"/>
      <c r="Z43"/>
    </row>
    <row r="44" spans="1:26" s="70" customFormat="1" ht="15" customHeight="1">
      <c r="A44" s="37"/>
      <c r="B44" s="108" t="s">
        <v>153</v>
      </c>
      <c r="C44" s="39"/>
      <c r="D44" s="198">
        <v>18561</v>
      </c>
      <c r="E44" s="198">
        <v>18584</v>
      </c>
      <c r="F44" s="198">
        <v>18572</v>
      </c>
      <c r="G44" s="198">
        <v>18538</v>
      </c>
      <c r="H44" s="198">
        <v>18570</v>
      </c>
      <c r="I44" s="198">
        <v>18571</v>
      </c>
      <c r="J44" s="198">
        <v>18579</v>
      </c>
      <c r="K44" s="198">
        <v>18606</v>
      </c>
      <c r="L44" s="198">
        <v>18643</v>
      </c>
      <c r="M44" s="198">
        <v>18677</v>
      </c>
      <c r="N44" s="198">
        <v>18706</v>
      </c>
      <c r="O44" s="198">
        <v>18731</v>
      </c>
      <c r="P44" s="108"/>
      <c r="Q44" s="108" t="s">
        <v>153</v>
      </c>
      <c r="R44" s="161"/>
      <c r="W44"/>
      <c r="X44"/>
      <c r="Y44"/>
      <c r="Z44"/>
    </row>
    <row r="45" spans="1:26" s="70" customFormat="1" ht="15" customHeight="1">
      <c r="A45" s="37"/>
      <c r="B45" s="108" t="s">
        <v>155</v>
      </c>
      <c r="C45" s="39"/>
      <c r="D45" s="198">
        <v>11082</v>
      </c>
      <c r="E45" s="198">
        <v>11037</v>
      </c>
      <c r="F45" s="198">
        <v>10992</v>
      </c>
      <c r="G45" s="198">
        <v>11008</v>
      </c>
      <c r="H45" s="198">
        <v>11064</v>
      </c>
      <c r="I45" s="198">
        <v>11035</v>
      </c>
      <c r="J45" s="198">
        <v>11034</v>
      </c>
      <c r="K45" s="198">
        <v>11021</v>
      </c>
      <c r="L45" s="198">
        <v>10999</v>
      </c>
      <c r="M45" s="198">
        <v>10978</v>
      </c>
      <c r="N45" s="198">
        <v>10980</v>
      </c>
      <c r="O45" s="198">
        <v>10929</v>
      </c>
      <c r="P45" s="108"/>
      <c r="Q45" s="108" t="s">
        <v>155</v>
      </c>
      <c r="R45" s="161"/>
      <c r="W45"/>
      <c r="X45"/>
      <c r="Y45"/>
      <c r="Z45"/>
    </row>
    <row r="46" spans="1:26" s="70" customFormat="1" ht="15" customHeight="1">
      <c r="A46" s="37"/>
      <c r="B46" s="108" t="s">
        <v>156</v>
      </c>
      <c r="C46" s="39"/>
      <c r="D46" s="198">
        <v>6575</v>
      </c>
      <c r="E46" s="198">
        <v>6549</v>
      </c>
      <c r="F46" s="198">
        <v>6535</v>
      </c>
      <c r="G46" s="198">
        <v>6522</v>
      </c>
      <c r="H46" s="198">
        <v>6531</v>
      </c>
      <c r="I46" s="198">
        <v>6540</v>
      </c>
      <c r="J46" s="198">
        <v>6541</v>
      </c>
      <c r="K46" s="198">
        <v>6540</v>
      </c>
      <c r="L46" s="198">
        <v>6521</v>
      </c>
      <c r="M46" s="198">
        <v>6511</v>
      </c>
      <c r="N46" s="198">
        <v>6497</v>
      </c>
      <c r="O46" s="198">
        <v>6482</v>
      </c>
      <c r="P46" s="108"/>
      <c r="Q46" s="108" t="s">
        <v>156</v>
      </c>
      <c r="R46" s="161"/>
      <c r="W46"/>
      <c r="X46"/>
      <c r="Y46"/>
      <c r="Z46"/>
    </row>
    <row r="47" spans="1:26" s="70" customFormat="1" ht="15" customHeight="1">
      <c r="A47" s="37"/>
      <c r="B47" s="108" t="s">
        <v>157</v>
      </c>
      <c r="C47" s="39"/>
      <c r="D47" s="198">
        <v>23041</v>
      </c>
      <c r="E47" s="198">
        <v>22991</v>
      </c>
      <c r="F47" s="198">
        <v>22953</v>
      </c>
      <c r="G47" s="198">
        <v>22920</v>
      </c>
      <c r="H47" s="198">
        <v>22948</v>
      </c>
      <c r="I47" s="198">
        <v>22915</v>
      </c>
      <c r="J47" s="198">
        <v>22907</v>
      </c>
      <c r="K47" s="198">
        <v>22881</v>
      </c>
      <c r="L47" s="198">
        <v>22857</v>
      </c>
      <c r="M47" s="198">
        <v>22855</v>
      </c>
      <c r="N47" s="198">
        <v>22823</v>
      </c>
      <c r="O47" s="198">
        <v>22792</v>
      </c>
      <c r="P47" s="108"/>
      <c r="Q47" s="108" t="s">
        <v>157</v>
      </c>
      <c r="R47" s="161"/>
      <c r="W47"/>
      <c r="X47"/>
      <c r="Y47"/>
      <c r="Z47"/>
    </row>
    <row r="48" spans="1:26" s="70" customFormat="1" ht="15" customHeight="1" thickBot="1">
      <c r="A48" s="51"/>
      <c r="B48" s="52"/>
      <c r="C48" s="52"/>
      <c r="D48" s="114"/>
      <c r="E48" s="114"/>
      <c r="F48" s="114"/>
      <c r="G48" s="114"/>
      <c r="H48" s="114"/>
      <c r="I48" s="114"/>
      <c r="J48" s="114"/>
      <c r="K48" s="114"/>
      <c r="L48" s="114"/>
      <c r="M48" s="114"/>
      <c r="N48" s="114"/>
      <c r="O48" s="114"/>
      <c r="P48" s="52"/>
      <c r="Q48" s="52"/>
      <c r="R48" s="186"/>
      <c r="W48"/>
      <c r="X48"/>
      <c r="Y48"/>
      <c r="Z48"/>
    </row>
    <row r="49" spans="23:26" s="70" customFormat="1" ht="9.75" customHeight="1">
      <c r="W49"/>
      <c r="X49"/>
      <c r="Y49"/>
      <c r="Z49"/>
    </row>
  </sheetData>
  <mergeCells count="20">
    <mergeCell ref="A37:B37"/>
    <mergeCell ref="P37:Q37"/>
    <mergeCell ref="A10:B10"/>
    <mergeCell ref="P10:Q10"/>
    <mergeCell ref="A17:B17"/>
    <mergeCell ref="P17:Q17"/>
    <mergeCell ref="A27:B27"/>
    <mergeCell ref="P27:Q27"/>
    <mergeCell ref="A6:B6"/>
    <mergeCell ref="P6:Q6"/>
    <mergeCell ref="A7:B7"/>
    <mergeCell ref="P7:Q7"/>
    <mergeCell ref="A8:B8"/>
    <mergeCell ref="P8:Q8"/>
    <mergeCell ref="D1:I1"/>
    <mergeCell ref="A3:C3"/>
    <mergeCell ref="J3:O3"/>
    <mergeCell ref="P3:R3"/>
    <mergeCell ref="A4:C4"/>
    <mergeCell ref="P4:R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firstPageNumber="26" orientation="portrait" useFirstPageNumber="1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8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9.37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37.5" customHeight="1">
      <c r="A1" s="76" t="s">
        <v>202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8.75" customHeight="1">
      <c r="A2" s="69"/>
      <c r="B2" s="69"/>
      <c r="C2" s="69"/>
      <c r="D2" s="69"/>
      <c r="E2" s="69"/>
      <c r="F2" s="69"/>
      <c r="G2" s="69"/>
      <c r="H2" s="69"/>
      <c r="I2" s="69"/>
      <c r="J2" s="69"/>
      <c r="K2" s="69"/>
    </row>
    <row r="3" spans="1:22" ht="18.75" customHeight="1" thickBot="1">
      <c r="A3" s="77" t="s">
        <v>203</v>
      </c>
      <c r="B3" s="77"/>
      <c r="C3" s="77"/>
      <c r="I3" s="187" t="s">
        <v>56</v>
      </c>
      <c r="J3" s="187"/>
      <c r="K3" s="187"/>
    </row>
    <row r="4" spans="1:22" ht="11.25" customHeight="1">
      <c r="A4" s="78" t="s">
        <v>204</v>
      </c>
      <c r="B4" s="79"/>
      <c r="C4" s="79"/>
      <c r="D4" s="99" t="s">
        <v>3</v>
      </c>
      <c r="E4" s="217" t="s">
        <v>205</v>
      </c>
      <c r="F4" s="137" t="s">
        <v>206</v>
      </c>
      <c r="G4" s="71"/>
      <c r="H4" s="218"/>
      <c r="I4" s="218"/>
      <c r="J4" s="218"/>
      <c r="K4" s="219"/>
    </row>
    <row r="5" spans="1:22" ht="11.25" customHeight="1">
      <c r="A5" s="80"/>
      <c r="B5" s="81"/>
      <c r="C5" s="81"/>
      <c r="D5" s="97"/>
      <c r="E5" s="220"/>
      <c r="F5" s="221"/>
      <c r="G5" s="222"/>
      <c r="H5" s="223" t="s">
        <v>7</v>
      </c>
      <c r="I5" s="224"/>
      <c r="J5" s="223" t="s">
        <v>8</v>
      </c>
      <c r="K5" s="225"/>
    </row>
    <row r="6" spans="1:22" ht="15" customHeight="1">
      <c r="A6" s="82"/>
      <c r="B6" s="83"/>
      <c r="C6" s="83"/>
      <c r="D6" s="97"/>
      <c r="E6" s="226"/>
      <c r="F6" s="227"/>
      <c r="G6" s="74" t="s">
        <v>9</v>
      </c>
      <c r="H6" s="97"/>
      <c r="I6" s="74" t="s">
        <v>9</v>
      </c>
      <c r="J6" s="97"/>
      <c r="K6" s="121" t="s">
        <v>9</v>
      </c>
    </row>
    <row r="7" spans="1:22" ht="10.5" customHeight="1">
      <c r="A7" s="8"/>
      <c r="B7" s="39"/>
      <c r="C7" s="39"/>
      <c r="D7" s="11" t="s">
        <v>10</v>
      </c>
      <c r="E7" s="11" t="s">
        <v>11</v>
      </c>
      <c r="F7" s="228" t="s">
        <v>10</v>
      </c>
      <c r="G7" s="11" t="s">
        <v>11</v>
      </c>
      <c r="H7" s="11" t="s">
        <v>10</v>
      </c>
      <c r="I7" s="11" t="s">
        <v>11</v>
      </c>
      <c r="J7" s="11" t="s">
        <v>10</v>
      </c>
      <c r="K7" s="13" t="s">
        <v>11</v>
      </c>
    </row>
    <row r="8" spans="1:22" ht="11.25" customHeight="1">
      <c r="A8" s="8"/>
      <c r="B8" s="39"/>
      <c r="C8" s="39"/>
      <c r="D8" s="11"/>
      <c r="E8" s="11"/>
      <c r="F8" s="228"/>
      <c r="G8" s="11"/>
      <c r="H8" s="11"/>
      <c r="I8" s="11"/>
      <c r="J8" s="11"/>
      <c r="K8" s="13"/>
    </row>
    <row r="9" spans="1:22" ht="26.25" customHeight="1">
      <c r="A9" s="37"/>
      <c r="B9" s="108" t="s">
        <v>95</v>
      </c>
      <c r="C9" s="39"/>
      <c r="D9" s="198">
        <v>9227901</v>
      </c>
      <c r="E9" s="229">
        <v>100</v>
      </c>
      <c r="F9" s="230">
        <v>-3276</v>
      </c>
      <c r="G9" s="231">
        <v>-0.04</v>
      </c>
      <c r="H9" s="198">
        <v>-40970</v>
      </c>
      <c r="I9" s="231">
        <v>-0.44</v>
      </c>
      <c r="J9" s="198">
        <v>37694</v>
      </c>
      <c r="K9" s="232">
        <v>0.41</v>
      </c>
    </row>
    <row r="10" spans="1:22" ht="26.25" customHeight="1">
      <c r="A10" s="37"/>
      <c r="B10" s="108" t="s">
        <v>193</v>
      </c>
      <c r="C10" s="39"/>
      <c r="D10" s="198">
        <v>3769595</v>
      </c>
      <c r="E10" s="229">
        <v>40.849972274301599</v>
      </c>
      <c r="F10" s="230">
        <v>-2434</v>
      </c>
      <c r="G10" s="231">
        <v>-0.06</v>
      </c>
      <c r="H10" s="198">
        <v>-15739</v>
      </c>
      <c r="I10" s="231">
        <v>-0.42</v>
      </c>
      <c r="J10" s="198">
        <v>13305</v>
      </c>
      <c r="K10" s="232">
        <v>0.35</v>
      </c>
    </row>
    <row r="11" spans="1:22" ht="26.25" customHeight="1">
      <c r="A11" s="37"/>
      <c r="B11" s="108" t="s">
        <v>194</v>
      </c>
      <c r="C11" s="39"/>
      <c r="D11" s="198">
        <v>1540516</v>
      </c>
      <c r="E11" s="229">
        <v>16.694110610852892</v>
      </c>
      <c r="F11" s="230">
        <v>1691</v>
      </c>
      <c r="G11" s="231">
        <v>0.11</v>
      </c>
      <c r="H11" s="198">
        <v>-2092</v>
      </c>
      <c r="I11" s="231">
        <v>-0.14000000000000001</v>
      </c>
      <c r="J11" s="198">
        <v>3783</v>
      </c>
      <c r="K11" s="232">
        <v>0.25</v>
      </c>
    </row>
    <row r="12" spans="1:22" ht="26.25" customHeight="1">
      <c r="A12" s="37"/>
      <c r="B12" s="108" t="s">
        <v>195</v>
      </c>
      <c r="C12" s="39"/>
      <c r="D12" s="198">
        <v>679613</v>
      </c>
      <c r="E12" s="229">
        <v>7.3647625825201208</v>
      </c>
      <c r="F12" s="230">
        <v>-6226</v>
      </c>
      <c r="G12" s="231">
        <v>-0.91</v>
      </c>
      <c r="H12" s="198">
        <v>-6357</v>
      </c>
      <c r="I12" s="231">
        <v>-0.93</v>
      </c>
      <c r="J12" s="198">
        <v>131</v>
      </c>
      <c r="K12" s="232">
        <v>0.02</v>
      </c>
    </row>
    <row r="13" spans="1:22" ht="26.25" customHeight="1">
      <c r="A13" s="37"/>
      <c r="B13" s="108" t="s">
        <v>197</v>
      </c>
      <c r="C13" s="39"/>
      <c r="D13" s="198">
        <v>1590272</v>
      </c>
      <c r="E13" s="229">
        <v>17.228485143013533</v>
      </c>
      <c r="F13" s="230">
        <v>3504</v>
      </c>
      <c r="G13" s="231">
        <v>0.22</v>
      </c>
      <c r="H13" s="198">
        <v>-7130</v>
      </c>
      <c r="I13" s="231">
        <v>-0.45</v>
      </c>
      <c r="J13" s="198">
        <v>10634</v>
      </c>
      <c r="K13" s="232">
        <v>0.67</v>
      </c>
    </row>
    <row r="14" spans="1:22" ht="26.25" customHeight="1">
      <c r="A14" s="37"/>
      <c r="B14" s="108" t="s">
        <v>198</v>
      </c>
      <c r="C14" s="39"/>
      <c r="D14" s="198">
        <v>1315618</v>
      </c>
      <c r="E14" s="229">
        <v>14.256958326709402</v>
      </c>
      <c r="F14" s="230">
        <v>1982</v>
      </c>
      <c r="G14" s="231">
        <v>0.15</v>
      </c>
      <c r="H14" s="198">
        <v>-6436</v>
      </c>
      <c r="I14" s="231">
        <v>-0.49</v>
      </c>
      <c r="J14" s="198">
        <v>8418</v>
      </c>
      <c r="K14" s="232">
        <v>0.64</v>
      </c>
    </row>
    <row r="15" spans="1:22" s="70" customFormat="1" ht="26.25" customHeight="1">
      <c r="A15" s="37"/>
      <c r="B15" s="108" t="s">
        <v>201</v>
      </c>
      <c r="C15" s="39"/>
      <c r="D15" s="198">
        <v>332287</v>
      </c>
      <c r="E15" s="229">
        <v>3.6008947213456231</v>
      </c>
      <c r="F15" s="230">
        <v>-1793</v>
      </c>
      <c r="G15" s="231">
        <v>-0.54</v>
      </c>
      <c r="H15" s="198">
        <v>-3216</v>
      </c>
      <c r="I15" s="231">
        <v>-0.96</v>
      </c>
      <c r="J15" s="198">
        <v>1423</v>
      </c>
      <c r="K15" s="232">
        <v>0.43</v>
      </c>
      <c r="S15"/>
      <c r="T15"/>
      <c r="U15"/>
      <c r="V15"/>
    </row>
    <row r="16" spans="1:22" s="70" customFormat="1" ht="15" customHeight="1" thickBot="1">
      <c r="A16" s="51"/>
      <c r="B16" s="52"/>
      <c r="C16" s="52"/>
      <c r="D16" s="114"/>
      <c r="E16" s="233"/>
      <c r="F16" s="234"/>
      <c r="G16" s="114"/>
      <c r="H16" s="114"/>
      <c r="I16" s="114"/>
      <c r="J16" s="114"/>
      <c r="K16" s="215"/>
      <c r="S16"/>
      <c r="T16"/>
      <c r="U16"/>
      <c r="V16"/>
    </row>
    <row r="17" spans="1:22" s="58" customFormat="1" ht="13.5" customHeight="1">
      <c r="A17" s="75" t="s">
        <v>207</v>
      </c>
      <c r="B17" s="75"/>
      <c r="C17" s="75"/>
      <c r="D17" s="75"/>
      <c r="E17" s="75"/>
      <c r="F17" s="75"/>
      <c r="G17" s="75"/>
      <c r="H17" s="75"/>
      <c r="I17" s="75"/>
      <c r="J17" s="75"/>
      <c r="K17" s="75"/>
      <c r="S17" s="59"/>
      <c r="T17" s="59"/>
      <c r="U17" s="59"/>
      <c r="V17" s="59"/>
    </row>
    <row r="21" spans="1:22" ht="18.75" customHeight="1">
      <c r="A21" s="235" t="s">
        <v>208</v>
      </c>
      <c r="B21" s="235"/>
      <c r="C21" s="235"/>
      <c r="D21" s="235"/>
      <c r="E21" s="235"/>
      <c r="F21" s="235"/>
      <c r="G21" s="235"/>
      <c r="H21" s="235"/>
      <c r="I21" s="235"/>
      <c r="J21" s="235"/>
      <c r="K21" s="235"/>
    </row>
    <row r="23" spans="1:22" ht="18.75" customHeight="1">
      <c r="B23" s="236" t="s">
        <v>193</v>
      </c>
      <c r="C23" s="237"/>
      <c r="D23" s="238" t="s">
        <v>209</v>
      </c>
      <c r="E23" s="239" t="s">
        <v>98</v>
      </c>
      <c r="F23" s="239"/>
      <c r="G23" s="239"/>
      <c r="H23" s="239"/>
      <c r="I23" s="239"/>
      <c r="J23" s="239"/>
      <c r="K23" s="239"/>
    </row>
    <row r="24" spans="1:22" ht="18.75" customHeight="1">
      <c r="B24" s="236" t="s">
        <v>194</v>
      </c>
      <c r="C24" s="237"/>
      <c r="D24" s="238" t="s">
        <v>209</v>
      </c>
      <c r="E24" s="239" t="s">
        <v>117</v>
      </c>
      <c r="F24" s="239"/>
      <c r="G24" s="239"/>
      <c r="H24" s="239"/>
      <c r="I24" s="239"/>
      <c r="J24" s="239"/>
      <c r="K24" s="239"/>
    </row>
    <row r="25" spans="1:22" ht="18.75" customHeight="1">
      <c r="B25" s="236" t="s">
        <v>195</v>
      </c>
      <c r="C25" s="237"/>
      <c r="D25" s="238" t="s">
        <v>209</v>
      </c>
      <c r="E25" s="239" t="s">
        <v>210</v>
      </c>
      <c r="F25" s="239"/>
      <c r="G25" s="239"/>
      <c r="H25" s="239"/>
      <c r="I25" s="239"/>
      <c r="J25" s="239"/>
      <c r="K25" s="239"/>
    </row>
    <row r="26" spans="1:22" ht="18.75" customHeight="1">
      <c r="B26" s="236" t="s">
        <v>197</v>
      </c>
      <c r="C26" s="237"/>
      <c r="D26" s="238" t="s">
        <v>209</v>
      </c>
      <c r="E26" s="239" t="s">
        <v>211</v>
      </c>
      <c r="F26" s="239"/>
      <c r="G26" s="239"/>
      <c r="H26" s="239"/>
      <c r="I26" s="239"/>
      <c r="J26" s="239"/>
      <c r="K26" s="239"/>
    </row>
    <row r="27" spans="1:22" ht="18.75" customHeight="1">
      <c r="B27" s="236" t="s">
        <v>198</v>
      </c>
      <c r="C27" s="237"/>
      <c r="D27" s="238" t="s">
        <v>209</v>
      </c>
      <c r="E27" s="239" t="s">
        <v>212</v>
      </c>
      <c r="F27" s="239"/>
      <c r="G27" s="239"/>
      <c r="H27" s="239"/>
      <c r="I27" s="239"/>
      <c r="J27" s="239"/>
      <c r="K27" s="239"/>
    </row>
    <row r="28" spans="1:22" ht="18.75" customHeight="1">
      <c r="B28" s="236" t="s">
        <v>201</v>
      </c>
      <c r="C28" s="237"/>
      <c r="D28" s="238" t="s">
        <v>209</v>
      </c>
      <c r="E28" s="239" t="s">
        <v>213</v>
      </c>
      <c r="F28" s="239"/>
      <c r="G28" s="239"/>
      <c r="H28" s="239"/>
      <c r="I28" s="239"/>
      <c r="J28" s="239"/>
      <c r="K28" s="239"/>
    </row>
  </sheetData>
  <mergeCells count="17">
    <mergeCell ref="E27:K27"/>
    <mergeCell ref="E28:K28"/>
    <mergeCell ref="A17:K17"/>
    <mergeCell ref="A21:K21"/>
    <mergeCell ref="E23:K23"/>
    <mergeCell ref="E24:K24"/>
    <mergeCell ref="E25:K25"/>
    <mergeCell ref="E26:K26"/>
    <mergeCell ref="A1:K1"/>
    <mergeCell ref="A3:C3"/>
    <mergeCell ref="I3:K3"/>
    <mergeCell ref="A4:C6"/>
    <mergeCell ref="D4:D6"/>
    <mergeCell ref="E4:E6"/>
    <mergeCell ref="F4:F6"/>
    <mergeCell ref="H5:H6"/>
    <mergeCell ref="J5:J6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6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18" ht="18.75" customHeight="1">
      <c r="A1" s="76" t="s">
        <v>214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8" ht="15" customHeight="1" thickBot="1">
      <c r="A2" s="77" t="s">
        <v>215</v>
      </c>
      <c r="B2" s="77"/>
      <c r="C2" s="77"/>
      <c r="I2" s="240" t="s">
        <v>216</v>
      </c>
      <c r="J2" s="240"/>
      <c r="K2" s="240"/>
    </row>
    <row r="3" spans="1:18" ht="15" customHeight="1">
      <c r="A3" s="78" t="s">
        <v>91</v>
      </c>
      <c r="B3" s="79"/>
      <c r="C3" s="79"/>
      <c r="D3" s="99" t="s">
        <v>3</v>
      </c>
      <c r="E3" s="99"/>
      <c r="F3" s="99"/>
      <c r="G3" s="84" t="s">
        <v>5</v>
      </c>
      <c r="H3" s="217" t="s">
        <v>217</v>
      </c>
      <c r="I3" s="217" t="s">
        <v>218</v>
      </c>
      <c r="J3" s="241" t="s">
        <v>219</v>
      </c>
      <c r="K3" s="93" t="s">
        <v>220</v>
      </c>
    </row>
    <row r="4" spans="1:18" ht="15" customHeight="1">
      <c r="A4" s="82"/>
      <c r="B4" s="83"/>
      <c r="C4" s="83"/>
      <c r="D4" s="73" t="s">
        <v>49</v>
      </c>
      <c r="E4" s="73" t="s">
        <v>172</v>
      </c>
      <c r="F4" s="73" t="s">
        <v>173</v>
      </c>
      <c r="G4" s="86"/>
      <c r="H4" s="86"/>
      <c r="I4" s="86"/>
      <c r="J4" s="242"/>
      <c r="K4" s="95"/>
    </row>
    <row r="5" spans="1:18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/>
      <c r="K5" s="13" t="s">
        <v>11</v>
      </c>
    </row>
    <row r="6" spans="1:18" ht="9.75" customHeight="1">
      <c r="A6" s="189" t="s">
        <v>95</v>
      </c>
      <c r="B6" s="190"/>
      <c r="C6" s="16"/>
      <c r="D6" s="17">
        <v>9227901</v>
      </c>
      <c r="E6" s="17">
        <v>4574834</v>
      </c>
      <c r="F6" s="17">
        <v>4653067</v>
      </c>
      <c r="G6" s="17">
        <v>4310944</v>
      </c>
      <c r="H6" s="243">
        <v>2.1405754748843875</v>
      </c>
      <c r="I6" s="17">
        <v>3819.3215540683163</v>
      </c>
      <c r="J6" s="244">
        <v>98.318678841288985</v>
      </c>
      <c r="K6" s="245">
        <v>100</v>
      </c>
    </row>
    <row r="7" spans="1:18" s="30" customFormat="1" ht="9.75" customHeight="1">
      <c r="A7" s="193" t="s">
        <v>96</v>
      </c>
      <c r="B7" s="194"/>
      <c r="C7" s="32"/>
      <c r="D7" s="195">
        <v>8942186</v>
      </c>
      <c r="E7" s="195">
        <v>4434382</v>
      </c>
      <c r="F7" s="195">
        <v>4507804</v>
      </c>
      <c r="G7" s="195">
        <v>4188016</v>
      </c>
      <c r="H7" s="246">
        <v>2.1351842972901727</v>
      </c>
      <c r="I7" s="195">
        <v>4940.9802188087078</v>
      </c>
      <c r="J7" s="247">
        <v>98.371224658392421</v>
      </c>
      <c r="K7" s="248">
        <v>96.903792097466152</v>
      </c>
      <c r="L7" s="29"/>
      <c r="M7" s="29"/>
      <c r="N7" s="29"/>
      <c r="O7" s="29"/>
      <c r="P7" s="29"/>
      <c r="Q7" s="29"/>
      <c r="R7" s="29"/>
    </row>
    <row r="8" spans="1:18" s="30" customFormat="1" ht="9.75" customHeight="1">
      <c r="A8" s="193" t="s">
        <v>97</v>
      </c>
      <c r="B8" s="194"/>
      <c r="C8" s="32"/>
      <c r="D8" s="195">
        <v>285715</v>
      </c>
      <c r="E8" s="195">
        <v>140452</v>
      </c>
      <c r="F8" s="195">
        <v>145263</v>
      </c>
      <c r="G8" s="195">
        <v>122928</v>
      </c>
      <c r="H8" s="246">
        <v>2.3242467135233631</v>
      </c>
      <c r="I8" s="195">
        <v>471.2358364532995</v>
      </c>
      <c r="J8" s="247">
        <v>96.688076110227655</v>
      </c>
      <c r="K8" s="248">
        <v>3.0962079025338483</v>
      </c>
      <c r="L8" s="29"/>
      <c r="M8" s="29"/>
      <c r="N8" s="29"/>
      <c r="O8" s="29"/>
      <c r="P8" s="29"/>
      <c r="Q8" s="29"/>
      <c r="R8" s="29"/>
    </row>
    <row r="9" spans="1:18" ht="3.75" customHeight="1">
      <c r="A9" s="37"/>
      <c r="B9" s="108"/>
      <c r="C9" s="39"/>
      <c r="D9" s="198"/>
      <c r="E9" s="198"/>
      <c r="F9" s="198"/>
      <c r="G9" s="198"/>
      <c r="H9" s="231"/>
      <c r="I9" s="198"/>
      <c r="J9" s="249"/>
      <c r="K9" s="250"/>
    </row>
    <row r="10" spans="1:18" ht="9.75" customHeight="1">
      <c r="A10" s="201" t="s">
        <v>98</v>
      </c>
      <c r="B10" s="202"/>
      <c r="C10" s="46"/>
      <c r="D10" s="203">
        <v>3769595</v>
      </c>
      <c r="E10" s="203">
        <v>1859476</v>
      </c>
      <c r="F10" s="203">
        <v>1910119</v>
      </c>
      <c r="G10" s="203">
        <v>1782399</v>
      </c>
      <c r="H10" s="251">
        <v>2.1148996380720591</v>
      </c>
      <c r="I10" s="203">
        <v>8610.7062908310108</v>
      </c>
      <c r="J10" s="252">
        <v>97.348699217169184</v>
      </c>
      <c r="K10" s="253">
        <v>40.849972274301599</v>
      </c>
    </row>
    <row r="11" spans="1:18" ht="9.75" customHeight="1">
      <c r="A11" s="37"/>
      <c r="B11" s="108" t="s">
        <v>99</v>
      </c>
      <c r="C11" s="39"/>
      <c r="D11" s="198">
        <v>294981</v>
      </c>
      <c r="E11" s="198">
        <v>152050</v>
      </c>
      <c r="F11" s="198">
        <v>142931</v>
      </c>
      <c r="G11" s="198">
        <v>146436</v>
      </c>
      <c r="H11" s="231">
        <v>2.0144021961812668</v>
      </c>
      <c r="I11" s="198">
        <v>8876.9485404754741</v>
      </c>
      <c r="J11" s="249">
        <v>106.38000153920424</v>
      </c>
      <c r="K11" s="250">
        <v>3.1966207699887548</v>
      </c>
    </row>
    <row r="12" spans="1:18" ht="9.75" customHeight="1">
      <c r="A12" s="37"/>
      <c r="B12" s="108" t="s">
        <v>100</v>
      </c>
      <c r="C12" s="39"/>
      <c r="D12" s="198">
        <v>248878</v>
      </c>
      <c r="E12" s="198">
        <v>126867</v>
      </c>
      <c r="F12" s="198">
        <v>122011</v>
      </c>
      <c r="G12" s="198">
        <v>132168</v>
      </c>
      <c r="H12" s="231">
        <v>1.8830427940197325</v>
      </c>
      <c r="I12" s="198">
        <v>10492.327150084318</v>
      </c>
      <c r="J12" s="249">
        <v>103.9799690191868</v>
      </c>
      <c r="K12" s="250">
        <v>2.6970163637429572</v>
      </c>
    </row>
    <row r="13" spans="1:18" ht="9.75" customHeight="1">
      <c r="A13" s="37"/>
      <c r="B13" s="108" t="s">
        <v>101</v>
      </c>
      <c r="C13" s="39"/>
      <c r="D13" s="198">
        <v>105634</v>
      </c>
      <c r="E13" s="198">
        <v>53325</v>
      </c>
      <c r="F13" s="198">
        <v>52309</v>
      </c>
      <c r="G13" s="198">
        <v>58309</v>
      </c>
      <c r="H13" s="231">
        <v>1.8116242775557805</v>
      </c>
      <c r="I13" s="198">
        <v>15026.173541963015</v>
      </c>
      <c r="J13" s="249">
        <v>101.94230438356688</v>
      </c>
      <c r="K13" s="250">
        <v>1.1447240277068425</v>
      </c>
    </row>
    <row r="14" spans="1:18" ht="9.75" customHeight="1">
      <c r="A14" s="37"/>
      <c r="B14" s="108" t="s">
        <v>102</v>
      </c>
      <c r="C14" s="39"/>
      <c r="D14" s="198">
        <v>151031</v>
      </c>
      <c r="E14" s="198">
        <v>76669</v>
      </c>
      <c r="F14" s="198">
        <v>74362</v>
      </c>
      <c r="G14" s="198">
        <v>86306</v>
      </c>
      <c r="H14" s="231">
        <v>1.7499478599402127</v>
      </c>
      <c r="I14" s="198">
        <v>7024.6976744186049</v>
      </c>
      <c r="J14" s="249">
        <v>103.10239100615905</v>
      </c>
      <c r="K14" s="250">
        <v>1.6366777233522554</v>
      </c>
    </row>
    <row r="15" spans="1:18" ht="9.75" customHeight="1">
      <c r="A15" s="37"/>
      <c r="B15" s="108" t="s">
        <v>103</v>
      </c>
      <c r="C15" s="39"/>
      <c r="D15" s="198">
        <v>197430</v>
      </c>
      <c r="E15" s="198">
        <v>98398</v>
      </c>
      <c r="F15" s="198">
        <v>99032</v>
      </c>
      <c r="G15" s="198">
        <v>105833</v>
      </c>
      <c r="H15" s="231">
        <v>1.8654861905076867</v>
      </c>
      <c r="I15" s="198">
        <v>15607.114624505928</v>
      </c>
      <c r="J15" s="249">
        <v>99.359802891994505</v>
      </c>
      <c r="K15" s="250">
        <v>2.1394897929659193</v>
      </c>
    </row>
    <row r="16" spans="1:18" ht="9.75" customHeight="1">
      <c r="A16" s="37"/>
      <c r="B16" s="108" t="s">
        <v>104</v>
      </c>
      <c r="C16" s="39"/>
      <c r="D16" s="198">
        <v>214312</v>
      </c>
      <c r="E16" s="198">
        <v>104211</v>
      </c>
      <c r="F16" s="198">
        <v>110101</v>
      </c>
      <c r="G16" s="198">
        <v>96985</v>
      </c>
      <c r="H16" s="231">
        <v>2.2097437748105375</v>
      </c>
      <c r="I16" s="198">
        <v>10769.447236180906</v>
      </c>
      <c r="J16" s="249">
        <v>94.650366481684998</v>
      </c>
      <c r="K16" s="250">
        <v>2.3224349719399897</v>
      </c>
    </row>
    <row r="17" spans="1:11" ht="9.75" customHeight="1">
      <c r="A17" s="37"/>
      <c r="B17" s="108" t="s">
        <v>105</v>
      </c>
      <c r="C17" s="39"/>
      <c r="D17" s="198">
        <v>205852</v>
      </c>
      <c r="E17" s="198">
        <v>100827</v>
      </c>
      <c r="F17" s="198">
        <v>105025</v>
      </c>
      <c r="G17" s="198">
        <v>100131</v>
      </c>
      <c r="H17" s="231">
        <v>2.0558268668044861</v>
      </c>
      <c r="I17" s="198">
        <v>9386.7761057911539</v>
      </c>
      <c r="J17" s="249">
        <v>96.002856462746962</v>
      </c>
      <c r="K17" s="250">
        <v>2.2307564851421793</v>
      </c>
    </row>
    <row r="18" spans="1:11" ht="9.75" customHeight="1">
      <c r="A18" s="37"/>
      <c r="B18" s="108" t="s">
        <v>106</v>
      </c>
      <c r="C18" s="39"/>
      <c r="D18" s="198">
        <v>242382</v>
      </c>
      <c r="E18" s="198">
        <v>116681</v>
      </c>
      <c r="F18" s="198">
        <v>125701</v>
      </c>
      <c r="G18" s="198">
        <v>107797</v>
      </c>
      <c r="H18" s="231">
        <v>2.2485041327680735</v>
      </c>
      <c r="I18" s="198">
        <v>7405.4995417048585</v>
      </c>
      <c r="J18" s="249">
        <v>92.82424165281104</v>
      </c>
      <c r="K18" s="250">
        <v>2.626621156858965</v>
      </c>
    </row>
    <row r="19" spans="1:11" ht="9.75" customHeight="1">
      <c r="A19" s="37"/>
      <c r="B19" s="108" t="s">
        <v>107</v>
      </c>
      <c r="C19" s="39"/>
      <c r="D19" s="198">
        <v>165450</v>
      </c>
      <c r="E19" s="198">
        <v>81371</v>
      </c>
      <c r="F19" s="198">
        <v>84079</v>
      </c>
      <c r="G19" s="198">
        <v>79419</v>
      </c>
      <c r="H19" s="231">
        <v>2.0832546367997584</v>
      </c>
      <c r="I19" s="198">
        <v>8685.039370078739</v>
      </c>
      <c r="J19" s="249">
        <v>96.779219543524547</v>
      </c>
      <c r="K19" s="250">
        <v>1.792932108829516</v>
      </c>
    </row>
    <row r="20" spans="1:11" ht="9.75" customHeight="1">
      <c r="A20" s="37"/>
      <c r="B20" s="108" t="s">
        <v>108</v>
      </c>
      <c r="C20" s="39"/>
      <c r="D20" s="198">
        <v>195892</v>
      </c>
      <c r="E20" s="198">
        <v>95172</v>
      </c>
      <c r="F20" s="198">
        <v>100720</v>
      </c>
      <c r="G20" s="198">
        <v>90444</v>
      </c>
      <c r="H20" s="231">
        <v>2.1658927070894696</v>
      </c>
      <c r="I20" s="198">
        <v>6327.2609819121444</v>
      </c>
      <c r="J20" s="249">
        <v>94.491660047656865</v>
      </c>
      <c r="K20" s="250">
        <v>2.1228229474936935</v>
      </c>
    </row>
    <row r="21" spans="1:11" ht="9.75" customHeight="1">
      <c r="A21" s="37"/>
      <c r="B21" s="108" t="s">
        <v>109</v>
      </c>
      <c r="C21" s="39"/>
      <c r="D21" s="198">
        <v>362084</v>
      </c>
      <c r="E21" s="198">
        <v>180448</v>
      </c>
      <c r="F21" s="198">
        <v>181636</v>
      </c>
      <c r="G21" s="198">
        <v>179364</v>
      </c>
      <c r="H21" s="231">
        <v>2.0187105550723667</v>
      </c>
      <c r="I21" s="198">
        <v>11531.337579617835</v>
      </c>
      <c r="J21" s="249">
        <v>99.3459446365258</v>
      </c>
      <c r="K21" s="250">
        <v>3.9237958881440105</v>
      </c>
    </row>
    <row r="22" spans="1:11" ht="9.75" customHeight="1">
      <c r="A22" s="37"/>
      <c r="B22" s="108" t="s">
        <v>110</v>
      </c>
      <c r="C22" s="39"/>
      <c r="D22" s="198">
        <v>182790</v>
      </c>
      <c r="E22" s="198">
        <v>89747</v>
      </c>
      <c r="F22" s="198">
        <v>93043</v>
      </c>
      <c r="G22" s="198">
        <v>80890</v>
      </c>
      <c r="H22" s="231">
        <v>2.2597354431944616</v>
      </c>
      <c r="I22" s="198">
        <v>7165.4253234025864</v>
      </c>
      <c r="J22" s="249">
        <v>96.457551884612485</v>
      </c>
      <c r="K22" s="250">
        <v>1.9808404966633257</v>
      </c>
    </row>
    <row r="23" spans="1:11" ht="9.75" customHeight="1">
      <c r="A23" s="37"/>
      <c r="B23" s="108" t="s">
        <v>111</v>
      </c>
      <c r="C23" s="39"/>
      <c r="D23" s="198">
        <v>310471</v>
      </c>
      <c r="E23" s="198">
        <v>149751</v>
      </c>
      <c r="F23" s="198">
        <v>160720</v>
      </c>
      <c r="G23" s="198">
        <v>135233</v>
      </c>
      <c r="H23" s="231">
        <v>2.2958227651534759</v>
      </c>
      <c r="I23" s="198">
        <v>8815.1902328222604</v>
      </c>
      <c r="J23" s="249">
        <v>93.175087108013926</v>
      </c>
      <c r="K23" s="250">
        <v>3.3644812617733977</v>
      </c>
    </row>
    <row r="24" spans="1:11" ht="9.75" customHeight="1">
      <c r="A24" s="37"/>
      <c r="B24" s="108" t="s">
        <v>112</v>
      </c>
      <c r="C24" s="39"/>
      <c r="D24" s="198">
        <v>214886</v>
      </c>
      <c r="E24" s="198">
        <v>105216</v>
      </c>
      <c r="F24" s="198">
        <v>109670</v>
      </c>
      <c r="G24" s="198">
        <v>87330</v>
      </c>
      <c r="H24" s="231">
        <v>2.4606206343753581</v>
      </c>
      <c r="I24" s="198">
        <v>7710.2978112665942</v>
      </c>
      <c r="J24" s="249">
        <v>95.938725266709227</v>
      </c>
      <c r="K24" s="250">
        <v>2.3286552380655143</v>
      </c>
    </row>
    <row r="25" spans="1:11" ht="9.75" customHeight="1">
      <c r="A25" s="37"/>
      <c r="B25" s="108" t="s">
        <v>113</v>
      </c>
      <c r="C25" s="39"/>
      <c r="D25" s="198">
        <v>283515</v>
      </c>
      <c r="E25" s="198">
        <v>138028</v>
      </c>
      <c r="F25" s="198">
        <v>145487</v>
      </c>
      <c r="G25" s="198">
        <v>124348</v>
      </c>
      <c r="H25" s="231">
        <v>2.2800125454369993</v>
      </c>
      <c r="I25" s="198">
        <v>7921.6261525565806</v>
      </c>
      <c r="J25" s="249">
        <v>94.873081443702873</v>
      </c>
      <c r="K25" s="250">
        <v>3.0723671612861909</v>
      </c>
    </row>
    <row r="26" spans="1:11" ht="9.75" customHeight="1">
      <c r="A26" s="37"/>
      <c r="B26" s="108" t="s">
        <v>114</v>
      </c>
      <c r="C26" s="39"/>
      <c r="D26" s="198">
        <v>120974</v>
      </c>
      <c r="E26" s="198">
        <v>58782</v>
      </c>
      <c r="F26" s="198">
        <v>62192</v>
      </c>
      <c r="G26" s="198">
        <v>54076</v>
      </c>
      <c r="H26" s="231">
        <v>2.2371107330423849</v>
      </c>
      <c r="I26" s="198">
        <v>6532.0734341252701</v>
      </c>
      <c r="J26" s="249">
        <v>94.516979675842549</v>
      </c>
      <c r="K26" s="250">
        <v>1.3109590144064183</v>
      </c>
    </row>
    <row r="27" spans="1:11" ht="9.75" customHeight="1">
      <c r="A27" s="37"/>
      <c r="B27" s="108" t="s">
        <v>115</v>
      </c>
      <c r="C27" s="39"/>
      <c r="D27" s="198">
        <v>151417</v>
      </c>
      <c r="E27" s="198">
        <v>73211</v>
      </c>
      <c r="F27" s="198">
        <v>78206</v>
      </c>
      <c r="G27" s="198">
        <v>63873</v>
      </c>
      <c r="H27" s="231">
        <v>2.3705947740046653</v>
      </c>
      <c r="I27" s="198">
        <v>6421.416454622562</v>
      </c>
      <c r="J27" s="249">
        <v>93.613022018770948</v>
      </c>
      <c r="K27" s="250">
        <v>1.6408606897711626</v>
      </c>
    </row>
    <row r="28" spans="1:11" ht="9.75" customHeight="1">
      <c r="A28" s="37"/>
      <c r="B28" s="108" t="s">
        <v>116</v>
      </c>
      <c r="C28" s="39"/>
      <c r="D28" s="198">
        <v>121616</v>
      </c>
      <c r="E28" s="198">
        <v>58722</v>
      </c>
      <c r="F28" s="198">
        <v>62894</v>
      </c>
      <c r="G28" s="198">
        <v>53457</v>
      </c>
      <c r="H28" s="231">
        <v>2.2750247862768207</v>
      </c>
      <c r="I28" s="198">
        <v>7083.0518345952232</v>
      </c>
      <c r="J28" s="249">
        <v>93.366616847394027</v>
      </c>
      <c r="K28" s="250">
        <v>1.3179161761705072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231"/>
      <c r="I29" s="198"/>
      <c r="J29" s="249"/>
      <c r="K29" s="250"/>
    </row>
    <row r="30" spans="1:11" ht="9.75" customHeight="1">
      <c r="A30" s="201" t="s">
        <v>117</v>
      </c>
      <c r="B30" s="202"/>
      <c r="C30" s="46"/>
      <c r="D30" s="203">
        <v>1540516</v>
      </c>
      <c r="E30" s="203">
        <v>775021</v>
      </c>
      <c r="F30" s="203">
        <v>765495</v>
      </c>
      <c r="G30" s="203">
        <v>762705</v>
      </c>
      <c r="H30" s="251">
        <v>2.0198058226968487</v>
      </c>
      <c r="I30" s="203">
        <v>10775.853385562394</v>
      </c>
      <c r="J30" s="252">
        <v>101.24442354293627</v>
      </c>
      <c r="K30" s="253">
        <v>16.694110610852892</v>
      </c>
    </row>
    <row r="31" spans="1:11" ht="9.75" customHeight="1">
      <c r="A31" s="37"/>
      <c r="B31" s="108" t="s">
        <v>118</v>
      </c>
      <c r="C31" s="39"/>
      <c r="D31" s="198">
        <v>230018</v>
      </c>
      <c r="E31" s="198">
        <v>123565</v>
      </c>
      <c r="F31" s="198">
        <v>106453</v>
      </c>
      <c r="G31" s="198">
        <v>124359</v>
      </c>
      <c r="H31" s="231">
        <v>1.8496288969837327</v>
      </c>
      <c r="I31" s="198">
        <v>5824.7151177513288</v>
      </c>
      <c r="J31" s="249">
        <v>116.07469963270177</v>
      </c>
      <c r="K31" s="250">
        <v>2.4926361910471297</v>
      </c>
    </row>
    <row r="32" spans="1:11" ht="9.75" customHeight="1">
      <c r="A32" s="37"/>
      <c r="B32" s="108" t="s">
        <v>119</v>
      </c>
      <c r="C32" s="39"/>
      <c r="D32" s="198">
        <v>171590</v>
      </c>
      <c r="E32" s="198">
        <v>86690</v>
      </c>
      <c r="F32" s="198">
        <v>84900</v>
      </c>
      <c r="G32" s="198">
        <v>81332</v>
      </c>
      <c r="H32" s="231">
        <v>2.10974770078198</v>
      </c>
      <c r="I32" s="198">
        <v>17141.858141858142</v>
      </c>
      <c r="J32" s="249">
        <v>102.10836277974087</v>
      </c>
      <c r="K32" s="250">
        <v>1.8594694503116147</v>
      </c>
    </row>
    <row r="33" spans="1:11" ht="9.75" customHeight="1">
      <c r="A33" s="37"/>
      <c r="B33" s="108" t="s">
        <v>120</v>
      </c>
      <c r="C33" s="39"/>
      <c r="D33" s="198">
        <v>265219</v>
      </c>
      <c r="E33" s="198">
        <v>134008</v>
      </c>
      <c r="F33" s="198">
        <v>131211</v>
      </c>
      <c r="G33" s="198">
        <v>137547</v>
      </c>
      <c r="H33" s="231">
        <v>1.9282063585538034</v>
      </c>
      <c r="I33" s="198">
        <v>17993.14789687924</v>
      </c>
      <c r="J33" s="249">
        <v>102.13168103284022</v>
      </c>
      <c r="K33" s="250">
        <v>2.8740988877102169</v>
      </c>
    </row>
    <row r="34" spans="1:11" ht="9.75" customHeight="1">
      <c r="A34" s="37"/>
      <c r="B34" s="108" t="s">
        <v>121</v>
      </c>
      <c r="C34" s="39"/>
      <c r="D34" s="198">
        <v>233880</v>
      </c>
      <c r="E34" s="198">
        <v>115705</v>
      </c>
      <c r="F34" s="198">
        <v>118175</v>
      </c>
      <c r="G34" s="198">
        <v>115732</v>
      </c>
      <c r="H34" s="231">
        <v>2.0208758165416651</v>
      </c>
      <c r="I34" s="198">
        <v>14295.843520782397</v>
      </c>
      <c r="J34" s="249">
        <v>97.909879416120162</v>
      </c>
      <c r="K34" s="250">
        <v>2.5344875286373361</v>
      </c>
    </row>
    <row r="35" spans="1:11" ht="9.75" customHeight="1">
      <c r="A35" s="37"/>
      <c r="B35" s="108" t="s">
        <v>122</v>
      </c>
      <c r="C35" s="39"/>
      <c r="D35" s="198">
        <v>234828</v>
      </c>
      <c r="E35" s="198">
        <v>113670</v>
      </c>
      <c r="F35" s="198">
        <v>121158</v>
      </c>
      <c r="G35" s="198">
        <v>105068</v>
      </c>
      <c r="H35" s="231">
        <v>2.2350097079986293</v>
      </c>
      <c r="I35" s="198">
        <v>12618.377216550241</v>
      </c>
      <c r="J35" s="249">
        <v>93.819640469469618</v>
      </c>
      <c r="K35" s="250">
        <v>2.5447607207749625</v>
      </c>
    </row>
    <row r="36" spans="1:11" ht="9.75" customHeight="1">
      <c r="A36" s="37"/>
      <c r="B36" s="108" t="s">
        <v>123</v>
      </c>
      <c r="C36" s="39"/>
      <c r="D36" s="198">
        <v>224176</v>
      </c>
      <c r="E36" s="198">
        <v>114106</v>
      </c>
      <c r="F36" s="198">
        <v>110070</v>
      </c>
      <c r="G36" s="198">
        <v>117527</v>
      </c>
      <c r="H36" s="231">
        <v>1.9074425451172923</v>
      </c>
      <c r="I36" s="198">
        <v>10935.414634146342</v>
      </c>
      <c r="J36" s="249">
        <v>103.66675751794313</v>
      </c>
      <c r="K36" s="250">
        <v>2.4293281863340321</v>
      </c>
    </row>
    <row r="37" spans="1:11" ht="9.75" customHeight="1">
      <c r="A37" s="37"/>
      <c r="B37" s="108" t="s">
        <v>124</v>
      </c>
      <c r="C37" s="39"/>
      <c r="D37" s="198">
        <v>180805</v>
      </c>
      <c r="E37" s="198">
        <v>87277</v>
      </c>
      <c r="F37" s="198">
        <v>93528</v>
      </c>
      <c r="G37" s="198">
        <v>81140</v>
      </c>
      <c r="H37" s="231">
        <v>2.2283090953906828</v>
      </c>
      <c r="I37" s="198">
        <v>7776.5591397849466</v>
      </c>
      <c r="J37" s="249">
        <v>93.316439996578566</v>
      </c>
      <c r="K37" s="250">
        <v>1.9593296460375984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231"/>
      <c r="I38" s="198"/>
      <c r="J38" s="249"/>
      <c r="K38" s="250"/>
    </row>
    <row r="39" spans="1:11" ht="9.75" customHeight="1">
      <c r="A39" s="201" t="s">
        <v>125</v>
      </c>
      <c r="B39" s="202"/>
      <c r="C39" s="46"/>
      <c r="D39" s="203">
        <v>726031</v>
      </c>
      <c r="E39" s="203">
        <v>361575</v>
      </c>
      <c r="F39" s="203">
        <v>364456</v>
      </c>
      <c r="G39" s="203">
        <v>342022</v>
      </c>
      <c r="H39" s="251">
        <v>2.1227611089345131</v>
      </c>
      <c r="I39" s="203">
        <v>2207.3849989358791</v>
      </c>
      <c r="J39" s="252">
        <v>99.209506771736514</v>
      </c>
      <c r="K39" s="253">
        <v>7.8677805494445598</v>
      </c>
    </row>
    <row r="40" spans="1:11" ht="9.75" customHeight="1">
      <c r="A40" s="37"/>
      <c r="B40" s="108" t="s">
        <v>110</v>
      </c>
      <c r="C40" s="39"/>
      <c r="D40" s="198">
        <v>168690</v>
      </c>
      <c r="E40" s="198">
        <v>84776</v>
      </c>
      <c r="F40" s="198">
        <v>83914</v>
      </c>
      <c r="G40" s="198">
        <v>76582</v>
      </c>
      <c r="H40" s="231">
        <v>2.2027369355723279</v>
      </c>
      <c r="I40" s="198">
        <v>664.3169377387469</v>
      </c>
      <c r="J40" s="249">
        <v>101.02724217651404</v>
      </c>
      <c r="K40" s="250">
        <v>1.8280430186669754</v>
      </c>
    </row>
    <row r="41" spans="1:11" ht="9.75" customHeight="1">
      <c r="A41" s="37"/>
      <c r="B41" s="108" t="s">
        <v>126</v>
      </c>
      <c r="C41" s="39"/>
      <c r="D41" s="198">
        <v>274470</v>
      </c>
      <c r="E41" s="198">
        <v>137077</v>
      </c>
      <c r="F41" s="198">
        <v>137393</v>
      </c>
      <c r="G41" s="198">
        <v>128540</v>
      </c>
      <c r="H41" s="231">
        <v>2.1352886261086041</v>
      </c>
      <c r="I41" s="198">
        <v>7444.2636289666398</v>
      </c>
      <c r="J41" s="249">
        <v>99.770002838572552</v>
      </c>
      <c r="K41" s="250">
        <v>2.9743492046566171</v>
      </c>
    </row>
    <row r="42" spans="1:11" ht="9.75" customHeight="1">
      <c r="A42" s="37"/>
      <c r="B42" s="108" t="s">
        <v>103</v>
      </c>
      <c r="C42" s="39"/>
      <c r="D42" s="198">
        <v>282871</v>
      </c>
      <c r="E42" s="198">
        <v>139722</v>
      </c>
      <c r="F42" s="198">
        <v>143149</v>
      </c>
      <c r="G42" s="198">
        <v>136900</v>
      </c>
      <c r="H42" s="231">
        <v>2.0662600438276115</v>
      </c>
      <c r="I42" s="198">
        <v>7422.4875360797696</v>
      </c>
      <c r="J42" s="249">
        <v>97.605990960467764</v>
      </c>
      <c r="K42" s="250">
        <v>3.0653883261209671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231"/>
      <c r="I43" s="198"/>
      <c r="J43" s="249"/>
      <c r="K43" s="250"/>
    </row>
    <row r="44" spans="1:11" ht="9.75" customHeight="1">
      <c r="A44" s="206" t="s">
        <v>127</v>
      </c>
      <c r="B44" s="207"/>
      <c r="C44" s="39"/>
      <c r="D44" s="198">
        <v>378814</v>
      </c>
      <c r="E44" s="198">
        <v>188682</v>
      </c>
      <c r="F44" s="198">
        <v>190132</v>
      </c>
      <c r="G44" s="198">
        <v>165814</v>
      </c>
      <c r="H44" s="231">
        <v>2.2845718696853101</v>
      </c>
      <c r="I44" s="198">
        <v>3757.3298948621309</v>
      </c>
      <c r="J44" s="249">
        <v>99.237371931079466</v>
      </c>
      <c r="K44" s="250">
        <v>4.1050938886318784</v>
      </c>
    </row>
    <row r="45" spans="1:11" ht="9.75" customHeight="1">
      <c r="A45" s="206" t="s">
        <v>128</v>
      </c>
      <c r="B45" s="207"/>
      <c r="C45" s="39"/>
      <c r="D45" s="198">
        <v>257649</v>
      </c>
      <c r="E45" s="198">
        <v>128538</v>
      </c>
      <c r="F45" s="198">
        <v>129111</v>
      </c>
      <c r="G45" s="198">
        <v>114942</v>
      </c>
      <c r="H45" s="231">
        <v>2.2415566111604113</v>
      </c>
      <c r="I45" s="198">
        <v>3799.0120908286644</v>
      </c>
      <c r="J45" s="249">
        <v>99.556195831493838</v>
      </c>
      <c r="K45" s="250">
        <v>2.792065064417141</v>
      </c>
    </row>
    <row r="46" spans="1:11" ht="9.75" customHeight="1">
      <c r="A46" s="206" t="s">
        <v>129</v>
      </c>
      <c r="B46" s="207"/>
      <c r="C46" s="39"/>
      <c r="D46" s="198">
        <v>172107</v>
      </c>
      <c r="E46" s="198">
        <v>80806</v>
      </c>
      <c r="F46" s="198">
        <v>91301</v>
      </c>
      <c r="G46" s="198">
        <v>76864</v>
      </c>
      <c r="H46" s="231">
        <v>2.2391106369691922</v>
      </c>
      <c r="I46" s="198">
        <v>4339.5612708018161</v>
      </c>
      <c r="J46" s="249">
        <v>88.505054709148851</v>
      </c>
      <c r="K46" s="250">
        <v>1.8650720245048145</v>
      </c>
    </row>
    <row r="47" spans="1:11" ht="9.75" customHeight="1">
      <c r="A47" s="206" t="s">
        <v>130</v>
      </c>
      <c r="B47" s="207"/>
      <c r="C47" s="39"/>
      <c r="D47" s="198">
        <v>443832</v>
      </c>
      <c r="E47" s="198">
        <v>218983</v>
      </c>
      <c r="F47" s="198">
        <v>224849</v>
      </c>
      <c r="G47" s="198">
        <v>200473</v>
      </c>
      <c r="H47" s="231">
        <v>2.2139240695754538</v>
      </c>
      <c r="I47" s="198">
        <v>6380.5635422656696</v>
      </c>
      <c r="J47" s="249">
        <v>97.391138052648657</v>
      </c>
      <c r="K47" s="250">
        <v>4.8096744861046945</v>
      </c>
    </row>
    <row r="48" spans="1:11" ht="9.75" customHeight="1">
      <c r="A48" s="206" t="s">
        <v>131</v>
      </c>
      <c r="B48" s="207"/>
      <c r="C48" s="39"/>
      <c r="D48" s="198">
        <v>187166</v>
      </c>
      <c r="E48" s="198">
        <v>90525</v>
      </c>
      <c r="F48" s="198">
        <v>96641</v>
      </c>
      <c r="G48" s="198">
        <v>83788</v>
      </c>
      <c r="H48" s="231">
        <v>2.2338043633933262</v>
      </c>
      <c r="I48" s="198">
        <v>1647.5880281690143</v>
      </c>
      <c r="J48" s="249">
        <v>93.671423101996041</v>
      </c>
      <c r="K48" s="250">
        <v>2.02826189834503</v>
      </c>
    </row>
    <row r="49" spans="1:11" ht="9.75" customHeight="1">
      <c r="A49" s="206" t="s">
        <v>132</v>
      </c>
      <c r="B49" s="207"/>
      <c r="C49" s="39"/>
      <c r="D49" s="198">
        <v>244359</v>
      </c>
      <c r="E49" s="198">
        <v>118280</v>
      </c>
      <c r="F49" s="198">
        <v>126079</v>
      </c>
      <c r="G49" s="198">
        <v>105912</v>
      </c>
      <c r="H49" s="231">
        <v>2.3071889870836166</v>
      </c>
      <c r="I49" s="198">
        <v>6844.7899159663857</v>
      </c>
      <c r="J49" s="249">
        <v>93.814195861325047</v>
      </c>
      <c r="K49" s="250">
        <v>2.6480453138801554</v>
      </c>
    </row>
    <row r="50" spans="1:11" ht="9.75" customHeight="1">
      <c r="A50" s="206" t="s">
        <v>133</v>
      </c>
      <c r="B50" s="207"/>
      <c r="C50" s="39"/>
      <c r="D50" s="198">
        <v>56437</v>
      </c>
      <c r="E50" s="198">
        <v>26385</v>
      </c>
      <c r="F50" s="198">
        <v>30052</v>
      </c>
      <c r="G50" s="198">
        <v>25064</v>
      </c>
      <c r="H50" s="231">
        <v>2.2517156080434089</v>
      </c>
      <c r="I50" s="198">
        <v>3266.0300925925922</v>
      </c>
      <c r="J50" s="249">
        <v>87.797817116997194</v>
      </c>
      <c r="K50" s="250">
        <v>0.611590869906385</v>
      </c>
    </row>
    <row r="51" spans="1:11" ht="9.75" customHeight="1">
      <c r="A51" s="206" t="s">
        <v>134</v>
      </c>
      <c r="B51" s="207"/>
      <c r="C51" s="39"/>
      <c r="D51" s="198">
        <v>40841</v>
      </c>
      <c r="E51" s="198">
        <v>19518</v>
      </c>
      <c r="F51" s="198">
        <v>21323</v>
      </c>
      <c r="G51" s="198">
        <v>17218</v>
      </c>
      <c r="H51" s="231">
        <v>2.3719944244395399</v>
      </c>
      <c r="I51" s="198">
        <v>1274.2901716068643</v>
      </c>
      <c r="J51" s="249">
        <v>91.534962247338555</v>
      </c>
      <c r="K51" s="250">
        <v>0.44258168786162744</v>
      </c>
    </row>
    <row r="52" spans="1:11" ht="9.75" customHeight="1">
      <c r="A52" s="206" t="s">
        <v>135</v>
      </c>
      <c r="B52" s="207"/>
      <c r="C52" s="39"/>
      <c r="D52" s="198">
        <v>161610</v>
      </c>
      <c r="E52" s="198">
        <v>81653</v>
      </c>
      <c r="F52" s="198">
        <v>79957</v>
      </c>
      <c r="G52" s="198">
        <v>72169</v>
      </c>
      <c r="H52" s="231">
        <v>2.2393271349194253</v>
      </c>
      <c r="I52" s="198">
        <v>1557.5366229760987</v>
      </c>
      <c r="J52" s="249">
        <v>102.12114011281064</v>
      </c>
      <c r="K52" s="250">
        <v>1.7513191786517865</v>
      </c>
    </row>
    <row r="53" spans="1:11" ht="9.75" customHeight="1">
      <c r="A53" s="206" t="s">
        <v>136</v>
      </c>
      <c r="B53" s="207"/>
      <c r="C53" s="39"/>
      <c r="D53" s="198">
        <v>223956</v>
      </c>
      <c r="E53" s="198">
        <v>115250</v>
      </c>
      <c r="F53" s="198">
        <v>108706</v>
      </c>
      <c r="G53" s="198">
        <v>103527</v>
      </c>
      <c r="H53" s="231">
        <v>2.1632617578023123</v>
      </c>
      <c r="I53" s="198">
        <v>2386.5728900255754</v>
      </c>
      <c r="J53" s="249">
        <v>106.01990690486265</v>
      </c>
      <c r="K53" s="250">
        <v>2.4269441122092661</v>
      </c>
    </row>
    <row r="54" spans="1:11" ht="9.75" customHeight="1">
      <c r="A54" s="206" t="s">
        <v>137</v>
      </c>
      <c r="B54" s="207"/>
      <c r="C54" s="39"/>
      <c r="D54" s="198">
        <v>243067</v>
      </c>
      <c r="E54" s="198">
        <v>121120</v>
      </c>
      <c r="F54" s="198">
        <v>121947</v>
      </c>
      <c r="G54" s="198">
        <v>114417</v>
      </c>
      <c r="H54" s="231">
        <v>2.1243958502670059</v>
      </c>
      <c r="I54" s="198">
        <v>8972.5729051310445</v>
      </c>
      <c r="J54" s="249">
        <v>99.321836535544122</v>
      </c>
      <c r="K54" s="250">
        <v>2.6340442967474402</v>
      </c>
    </row>
    <row r="55" spans="1:11" ht="9.75" customHeight="1">
      <c r="A55" s="206" t="s">
        <v>138</v>
      </c>
      <c r="B55" s="207"/>
      <c r="C55" s="39"/>
      <c r="D55" s="198">
        <v>101228</v>
      </c>
      <c r="E55" s="198">
        <v>51160</v>
      </c>
      <c r="F55" s="198">
        <v>50068</v>
      </c>
      <c r="G55" s="198">
        <v>46320</v>
      </c>
      <c r="H55" s="231">
        <v>2.1854058721934368</v>
      </c>
      <c r="I55" s="198">
        <v>1821.9582433405326</v>
      </c>
      <c r="J55" s="249">
        <v>102.1810337940401</v>
      </c>
      <c r="K55" s="250">
        <v>1.0969775250081248</v>
      </c>
    </row>
    <row r="56" spans="1:11" ht="9.75" customHeight="1">
      <c r="A56" s="206" t="s">
        <v>139</v>
      </c>
      <c r="B56" s="207"/>
      <c r="C56" s="39"/>
      <c r="D56" s="198">
        <v>139538</v>
      </c>
      <c r="E56" s="198">
        <v>70047</v>
      </c>
      <c r="F56" s="198">
        <v>69491</v>
      </c>
      <c r="G56" s="198">
        <v>61027</v>
      </c>
      <c r="H56" s="231">
        <v>2.286496141052321</v>
      </c>
      <c r="I56" s="198">
        <v>5247.7623166603989</v>
      </c>
      <c r="J56" s="249">
        <v>100.80010361053951</v>
      </c>
      <c r="K56" s="250">
        <v>1.5121315237343791</v>
      </c>
    </row>
    <row r="57" spans="1:11" ht="9.75" customHeight="1">
      <c r="A57" s="206" t="s">
        <v>140</v>
      </c>
      <c r="B57" s="207"/>
      <c r="C57" s="39"/>
      <c r="D57" s="198">
        <v>132080</v>
      </c>
      <c r="E57" s="198">
        <v>65635</v>
      </c>
      <c r="F57" s="198">
        <v>66445</v>
      </c>
      <c r="G57" s="198">
        <v>61477</v>
      </c>
      <c r="H57" s="231">
        <v>2.1484457602030029</v>
      </c>
      <c r="I57" s="198">
        <v>7517.359134889015</v>
      </c>
      <c r="J57" s="249">
        <v>98.780946647603287</v>
      </c>
      <c r="K57" s="250">
        <v>1.4313114109048202</v>
      </c>
    </row>
    <row r="58" spans="1:11" ht="9.75" customHeight="1">
      <c r="A58" s="206" t="s">
        <v>141</v>
      </c>
      <c r="B58" s="207"/>
      <c r="C58" s="39"/>
      <c r="D58" s="198">
        <v>40125</v>
      </c>
      <c r="E58" s="198">
        <v>19641</v>
      </c>
      <c r="F58" s="198">
        <v>20484</v>
      </c>
      <c r="G58" s="198">
        <v>16582</v>
      </c>
      <c r="H58" s="231">
        <v>2.4197925461343623</v>
      </c>
      <c r="I58" s="198">
        <v>520.29304979253106</v>
      </c>
      <c r="J58" s="249">
        <v>95.884592852958406</v>
      </c>
      <c r="K58" s="250">
        <v>0.43482261025557167</v>
      </c>
    </row>
    <row r="59" spans="1:11" ht="9.75" customHeight="1">
      <c r="A59" s="206" t="s">
        <v>142</v>
      </c>
      <c r="B59" s="207"/>
      <c r="C59" s="39"/>
      <c r="D59" s="198">
        <v>83235</v>
      </c>
      <c r="E59" s="198">
        <v>42087</v>
      </c>
      <c r="F59" s="198">
        <v>41148</v>
      </c>
      <c r="G59" s="198">
        <v>35296</v>
      </c>
      <c r="H59" s="231">
        <v>2.3581992293744332</v>
      </c>
      <c r="I59" s="198">
        <v>3759.4850948509484</v>
      </c>
      <c r="J59" s="249">
        <v>102.28200641586469</v>
      </c>
      <c r="K59" s="250">
        <v>0.90199277170398773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231"/>
      <c r="I60" s="198"/>
      <c r="J60" s="249"/>
      <c r="K60" s="250"/>
    </row>
    <row r="61" spans="1:11" ht="9.75" customHeight="1">
      <c r="A61" s="206" t="s">
        <v>143</v>
      </c>
      <c r="B61" s="207"/>
      <c r="C61" s="39"/>
      <c r="D61" s="198">
        <v>31414</v>
      </c>
      <c r="E61" s="198">
        <v>14748</v>
      </c>
      <c r="F61" s="198">
        <v>16666</v>
      </c>
      <c r="G61" s="198">
        <v>13132</v>
      </c>
      <c r="H61" s="231">
        <v>2.3921717940907707</v>
      </c>
      <c r="I61" s="198">
        <v>1843.5446009389673</v>
      </c>
      <c r="J61" s="249">
        <v>88.491539661586458</v>
      </c>
      <c r="K61" s="250">
        <v>0.34042411161541503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231"/>
      <c r="I62" s="198"/>
      <c r="J62" s="249"/>
      <c r="K62" s="250"/>
    </row>
    <row r="63" spans="1:11" ht="9.75" customHeight="1">
      <c r="A63" s="206" t="s">
        <v>144</v>
      </c>
      <c r="B63" s="207"/>
      <c r="C63" s="39"/>
      <c r="D63" s="198">
        <v>48567</v>
      </c>
      <c r="E63" s="198">
        <v>24620</v>
      </c>
      <c r="F63" s="198">
        <v>23947</v>
      </c>
      <c r="G63" s="198">
        <v>20457</v>
      </c>
      <c r="H63" s="231">
        <v>2.3741017744537323</v>
      </c>
      <c r="I63" s="198">
        <v>3640.704647676162</v>
      </c>
      <c r="J63" s="249">
        <v>102.81037290683592</v>
      </c>
      <c r="K63" s="250">
        <v>0.52630603644317386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231"/>
      <c r="I64" s="198"/>
      <c r="J64" s="249"/>
      <c r="K64" s="250"/>
    </row>
    <row r="65" spans="1:11" ht="9.75" customHeight="1">
      <c r="A65" s="201" t="s">
        <v>145</v>
      </c>
      <c r="B65" s="202"/>
      <c r="C65" s="46"/>
      <c r="D65" s="203">
        <v>58373</v>
      </c>
      <c r="E65" s="203">
        <v>28248</v>
      </c>
      <c r="F65" s="203">
        <v>30125</v>
      </c>
      <c r="G65" s="203">
        <v>24569</v>
      </c>
      <c r="H65" s="251">
        <v>2.3758801742032643</v>
      </c>
      <c r="I65" s="203">
        <v>2223.7333333333331</v>
      </c>
      <c r="J65" s="252">
        <v>93.769294605809122</v>
      </c>
      <c r="K65" s="253">
        <v>0.63257072220432364</v>
      </c>
    </row>
    <row r="66" spans="1:11" ht="9.75" customHeight="1">
      <c r="A66" s="37"/>
      <c r="B66" s="108" t="s">
        <v>146</v>
      </c>
      <c r="C66" s="39"/>
      <c r="D66" s="198">
        <v>31262</v>
      </c>
      <c r="E66" s="198">
        <v>15205</v>
      </c>
      <c r="F66" s="198">
        <v>16057</v>
      </c>
      <c r="G66" s="198">
        <v>12878</v>
      </c>
      <c r="H66" s="231">
        <v>2.427550861935083</v>
      </c>
      <c r="I66" s="198">
        <v>1819.6740395809081</v>
      </c>
      <c r="J66" s="249">
        <v>94.693902970666997</v>
      </c>
      <c r="K66" s="250">
        <v>0.33877693312921325</v>
      </c>
    </row>
    <row r="67" spans="1:11" ht="9.75" customHeight="1">
      <c r="A67" s="37"/>
      <c r="B67" s="108" t="s">
        <v>147</v>
      </c>
      <c r="C67" s="39"/>
      <c r="D67" s="198">
        <v>27111</v>
      </c>
      <c r="E67" s="198">
        <v>13043</v>
      </c>
      <c r="F67" s="198">
        <v>14068</v>
      </c>
      <c r="G67" s="198">
        <v>11691</v>
      </c>
      <c r="H67" s="231">
        <v>2.3189633051064922</v>
      </c>
      <c r="I67" s="198">
        <v>2985.79295154185</v>
      </c>
      <c r="J67" s="249">
        <v>92.713960762013087</v>
      </c>
      <c r="K67" s="250">
        <v>0.29379378907511039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231"/>
      <c r="I68" s="198"/>
      <c r="J68" s="249"/>
      <c r="K68" s="250"/>
    </row>
    <row r="69" spans="1:11" ht="9.75" customHeight="1">
      <c r="A69" s="201" t="s">
        <v>148</v>
      </c>
      <c r="B69" s="202"/>
      <c r="C69" s="46"/>
      <c r="D69" s="203">
        <v>64841</v>
      </c>
      <c r="E69" s="203">
        <v>31896</v>
      </c>
      <c r="F69" s="203">
        <v>32945</v>
      </c>
      <c r="G69" s="203">
        <v>26164</v>
      </c>
      <c r="H69" s="251">
        <v>2.4782525607705246</v>
      </c>
      <c r="I69" s="203">
        <v>213.79912951727778</v>
      </c>
      <c r="J69" s="252">
        <v>96.815905296706632</v>
      </c>
      <c r="K69" s="253">
        <v>0.7026625014724367</v>
      </c>
    </row>
    <row r="70" spans="1:11" ht="9.75" customHeight="1">
      <c r="A70" s="37"/>
      <c r="B70" s="108" t="s">
        <v>149</v>
      </c>
      <c r="C70" s="39"/>
      <c r="D70" s="198">
        <v>9069</v>
      </c>
      <c r="E70" s="198">
        <v>4525</v>
      </c>
      <c r="F70" s="198">
        <v>4544</v>
      </c>
      <c r="G70" s="198">
        <v>3441</v>
      </c>
      <c r="H70" s="231">
        <v>2.6355710549258937</v>
      </c>
      <c r="I70" s="198">
        <v>453.67683841920962</v>
      </c>
      <c r="J70" s="249">
        <v>99.581866197183103</v>
      </c>
      <c r="K70" s="250">
        <v>9.8278037443184529E-2</v>
      </c>
    </row>
    <row r="71" spans="1:11" ht="9.75" customHeight="1">
      <c r="A71" s="37"/>
      <c r="B71" s="108" t="s">
        <v>150</v>
      </c>
      <c r="C71" s="39"/>
      <c r="D71" s="198">
        <v>17207</v>
      </c>
      <c r="E71" s="198">
        <v>8458</v>
      </c>
      <c r="F71" s="198">
        <v>8749</v>
      </c>
      <c r="G71" s="198">
        <v>6983</v>
      </c>
      <c r="H71" s="231">
        <v>2.4641271659745096</v>
      </c>
      <c r="I71" s="198">
        <v>1196.5924895688456</v>
      </c>
      <c r="J71" s="249">
        <v>96.673905589210193</v>
      </c>
      <c r="K71" s="250">
        <v>0.18646710665838309</v>
      </c>
    </row>
    <row r="72" spans="1:11" ht="9.75" customHeight="1">
      <c r="A72" s="37"/>
      <c r="B72" s="108" t="s">
        <v>151</v>
      </c>
      <c r="C72" s="39"/>
      <c r="D72" s="198">
        <v>10474</v>
      </c>
      <c r="E72" s="198">
        <v>5193</v>
      </c>
      <c r="F72" s="198">
        <v>5281</v>
      </c>
      <c r="G72" s="198">
        <v>4547</v>
      </c>
      <c r="H72" s="231">
        <v>2.3034968110842313</v>
      </c>
      <c r="I72" s="198">
        <v>277.45695364238412</v>
      </c>
      <c r="J72" s="249">
        <v>98.33364893012687</v>
      </c>
      <c r="K72" s="250">
        <v>0.11350360173998399</v>
      </c>
    </row>
    <row r="73" spans="1:11" ht="9.75" customHeight="1">
      <c r="A73" s="37"/>
      <c r="B73" s="108" t="s">
        <v>152</v>
      </c>
      <c r="C73" s="39"/>
      <c r="D73" s="198">
        <v>9350</v>
      </c>
      <c r="E73" s="198">
        <v>4633</v>
      </c>
      <c r="F73" s="198">
        <v>4717</v>
      </c>
      <c r="G73" s="198">
        <v>3916</v>
      </c>
      <c r="H73" s="231">
        <v>2.3876404494382024</v>
      </c>
      <c r="I73" s="198">
        <v>41.62771025332799</v>
      </c>
      <c r="J73" s="249">
        <v>98.2192071231715</v>
      </c>
      <c r="K73" s="250">
        <v>0.10132315030254443</v>
      </c>
    </row>
    <row r="74" spans="1:11" ht="9.75" customHeight="1">
      <c r="A74" s="37"/>
      <c r="B74" s="108" t="s">
        <v>153</v>
      </c>
      <c r="C74" s="39"/>
      <c r="D74" s="198">
        <v>18741</v>
      </c>
      <c r="E74" s="198">
        <v>9087</v>
      </c>
      <c r="F74" s="198">
        <v>9654</v>
      </c>
      <c r="G74" s="198">
        <v>7277</v>
      </c>
      <c r="H74" s="231">
        <v>2.5753744675003434</v>
      </c>
      <c r="I74" s="198">
        <v>2861.2213740458014</v>
      </c>
      <c r="J74" s="249">
        <v>94.126786824114362</v>
      </c>
      <c r="K74" s="250">
        <v>0.20309060532834067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231"/>
      <c r="I75" s="198"/>
      <c r="J75" s="249"/>
      <c r="K75" s="250"/>
    </row>
    <row r="76" spans="1:11" ht="9.75" customHeight="1">
      <c r="A76" s="201" t="s">
        <v>154</v>
      </c>
      <c r="B76" s="202"/>
      <c r="C76" s="46"/>
      <c r="D76" s="203">
        <v>40155</v>
      </c>
      <c r="E76" s="203">
        <v>18826</v>
      </c>
      <c r="F76" s="203">
        <v>21329</v>
      </c>
      <c r="G76" s="203">
        <v>20009</v>
      </c>
      <c r="H76" s="251">
        <v>2.006846918886501</v>
      </c>
      <c r="I76" s="203">
        <v>285.05004614183287</v>
      </c>
      <c r="J76" s="252">
        <v>88.264803788269504</v>
      </c>
      <c r="K76" s="253">
        <v>0.43514771127258517</v>
      </c>
    </row>
    <row r="77" spans="1:11" ht="9.75" customHeight="1">
      <c r="A77" s="37"/>
      <c r="B77" s="108" t="s">
        <v>155</v>
      </c>
      <c r="C77" s="39"/>
      <c r="D77" s="198">
        <v>10895</v>
      </c>
      <c r="E77" s="198">
        <v>5226</v>
      </c>
      <c r="F77" s="198">
        <v>5669</v>
      </c>
      <c r="G77" s="198">
        <v>6285</v>
      </c>
      <c r="H77" s="231">
        <v>1.7334924423229912</v>
      </c>
      <c r="I77" s="198">
        <v>117.32715916433341</v>
      </c>
      <c r="J77" s="249">
        <v>92.185570647380487</v>
      </c>
      <c r="K77" s="250">
        <v>0.11806585267874027</v>
      </c>
    </row>
    <row r="78" spans="1:11" ht="9.75" customHeight="1">
      <c r="A78" s="37"/>
      <c r="B78" s="108" t="s">
        <v>156</v>
      </c>
      <c r="C78" s="39"/>
      <c r="D78" s="198">
        <v>6471</v>
      </c>
      <c r="E78" s="198">
        <v>3005</v>
      </c>
      <c r="F78" s="198">
        <v>3466</v>
      </c>
      <c r="G78" s="198">
        <v>2944</v>
      </c>
      <c r="H78" s="231">
        <v>2.1980298913043477</v>
      </c>
      <c r="I78" s="198">
        <v>917.87234042553189</v>
      </c>
      <c r="J78" s="249">
        <v>86.699365262550486</v>
      </c>
      <c r="K78" s="250">
        <v>7.0124289369814435E-2</v>
      </c>
    </row>
    <row r="79" spans="1:11" ht="9.75" customHeight="1">
      <c r="A79" s="37"/>
      <c r="B79" s="108" t="s">
        <v>157</v>
      </c>
      <c r="C79" s="39"/>
      <c r="D79" s="198">
        <v>22789</v>
      </c>
      <c r="E79" s="198">
        <v>10595</v>
      </c>
      <c r="F79" s="198">
        <v>12194</v>
      </c>
      <c r="G79" s="198">
        <v>10780</v>
      </c>
      <c r="H79" s="231">
        <v>2.1140074211502782</v>
      </c>
      <c r="I79" s="198">
        <v>556.2362704417867</v>
      </c>
      <c r="J79" s="249">
        <v>86.886993603411511</v>
      </c>
      <c r="K79" s="250">
        <v>0.2469575692240305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231"/>
      <c r="I80" s="198"/>
      <c r="J80" s="249"/>
      <c r="K80" s="250"/>
    </row>
    <row r="81" spans="1:11" ht="9.75" customHeight="1">
      <c r="A81" s="201" t="s">
        <v>158</v>
      </c>
      <c r="B81" s="202"/>
      <c r="C81" s="46"/>
      <c r="D81" s="203">
        <v>42365</v>
      </c>
      <c r="E81" s="203">
        <v>22114</v>
      </c>
      <c r="F81" s="203">
        <v>20251</v>
      </c>
      <c r="G81" s="203">
        <v>18597</v>
      </c>
      <c r="H81" s="251">
        <v>2.2780556003656502</v>
      </c>
      <c r="I81" s="203">
        <v>401.48786959818045</v>
      </c>
      <c r="J81" s="252">
        <v>109.19954570144684</v>
      </c>
      <c r="K81" s="253">
        <v>0.45909681952591386</v>
      </c>
    </row>
    <row r="82" spans="1:11" ht="9.75" customHeight="1">
      <c r="A82" s="37"/>
      <c r="B82" s="108" t="s">
        <v>159</v>
      </c>
      <c r="C82" s="39"/>
      <c r="D82" s="198">
        <v>39403</v>
      </c>
      <c r="E82" s="198">
        <v>20606</v>
      </c>
      <c r="F82" s="198">
        <v>18797</v>
      </c>
      <c r="G82" s="198">
        <v>17466</v>
      </c>
      <c r="H82" s="231">
        <v>2.2559830527882743</v>
      </c>
      <c r="I82" s="198">
        <v>1149.4457409568261</v>
      </c>
      <c r="J82" s="249">
        <v>109.62387615044955</v>
      </c>
      <c r="K82" s="250">
        <v>0.4269985124461132</v>
      </c>
    </row>
    <row r="83" spans="1:11" ht="9.75" customHeight="1">
      <c r="A83" s="37"/>
      <c r="B83" s="108" t="s">
        <v>160</v>
      </c>
      <c r="C83" s="39"/>
      <c r="D83" s="198">
        <v>2962</v>
      </c>
      <c r="E83" s="198">
        <v>1508</v>
      </c>
      <c r="F83" s="198">
        <v>1454</v>
      </c>
      <c r="G83" s="198">
        <v>1131</v>
      </c>
      <c r="H83" s="231">
        <v>2.6189213085764811</v>
      </c>
      <c r="I83" s="198">
        <v>41.57776530039304</v>
      </c>
      <c r="J83" s="249">
        <v>103.71389270976617</v>
      </c>
      <c r="K83" s="250">
        <v>3.2098307079800707E-2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254"/>
      <c r="I84" s="114"/>
      <c r="J84" s="114"/>
      <c r="K84" s="255"/>
    </row>
    <row r="85" spans="1:11" ht="13.5" customHeight="1">
      <c r="A85" s="256" t="s">
        <v>221</v>
      </c>
    </row>
    <row r="86" spans="1:11">
      <c r="A86" s="257"/>
    </row>
  </sheetData>
  <mergeCells count="38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F3"/>
    <mergeCell ref="G3:G4"/>
    <mergeCell ref="H3:H4"/>
    <mergeCell ref="I3:I4"/>
    <mergeCell ref="J3:J4"/>
    <mergeCell ref="K3:K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7"/>
  <sheetViews>
    <sheetView view="pageBreakPreview" zoomScaleNormal="115" zoomScaleSheetLayoutView="100" workbookViewId="0">
      <selection activeCell="M1" sqref="M1"/>
    </sheetView>
  </sheetViews>
  <sheetFormatPr defaultRowHeight="14.25"/>
  <cols>
    <col min="1" max="1" width="0.625" style="70" customWidth="1"/>
    <col min="2" max="2" width="15.625" style="70" customWidth="1"/>
    <col min="3" max="3" width="0.625" style="70" customWidth="1"/>
    <col min="4" max="4" width="7.875" style="70" customWidth="1"/>
    <col min="5" max="7" width="7.625" style="70" customWidth="1"/>
    <col min="8" max="10" width="7.25" style="70" customWidth="1"/>
    <col min="11" max="11" width="7.5" style="70" customWidth="1"/>
    <col min="12" max="18" width="6.875" style="70" customWidth="1"/>
  </cols>
  <sheetData>
    <row r="1" spans="1:12" ht="18.75" customHeight="1">
      <c r="A1" s="76" t="s">
        <v>222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</row>
    <row r="2" spans="1:12" ht="15" customHeight="1" thickBot="1">
      <c r="A2" s="77" t="s">
        <v>223</v>
      </c>
      <c r="B2" s="77"/>
      <c r="C2" s="77"/>
      <c r="L2" s="258"/>
    </row>
    <row r="3" spans="1:12" ht="15" customHeight="1">
      <c r="A3" s="78" t="s">
        <v>2</v>
      </c>
      <c r="B3" s="79"/>
      <c r="C3" s="79"/>
      <c r="D3" s="84" t="s">
        <v>5</v>
      </c>
      <c r="E3" s="99" t="s">
        <v>3</v>
      </c>
      <c r="F3" s="99"/>
      <c r="G3" s="99"/>
      <c r="H3" s="99" t="s">
        <v>224</v>
      </c>
      <c r="I3" s="99"/>
      <c r="J3" s="99"/>
      <c r="K3" s="217" t="s">
        <v>217</v>
      </c>
      <c r="L3" s="93" t="s">
        <v>225</v>
      </c>
    </row>
    <row r="4" spans="1:12" ht="15" customHeight="1">
      <c r="A4" s="82"/>
      <c r="B4" s="83"/>
      <c r="C4" s="83"/>
      <c r="D4" s="86"/>
      <c r="E4" s="73" t="s">
        <v>49</v>
      </c>
      <c r="F4" s="73" t="s">
        <v>172</v>
      </c>
      <c r="G4" s="73" t="s">
        <v>173</v>
      </c>
      <c r="H4" s="73" t="s">
        <v>226</v>
      </c>
      <c r="I4" s="73" t="s">
        <v>92</v>
      </c>
      <c r="J4" s="73" t="s">
        <v>9</v>
      </c>
      <c r="K4" s="226"/>
      <c r="L4" s="95"/>
    </row>
    <row r="5" spans="1:12" ht="10.5" customHeight="1">
      <c r="A5" s="8"/>
      <c r="B5" s="39"/>
      <c r="C5" s="39"/>
      <c r="D5" s="11" t="s">
        <v>12</v>
      </c>
      <c r="E5" s="11" t="s">
        <v>10</v>
      </c>
      <c r="F5" s="11" t="s">
        <v>10</v>
      </c>
      <c r="G5" s="11" t="s">
        <v>10</v>
      </c>
      <c r="H5" s="11" t="s">
        <v>12</v>
      </c>
      <c r="I5" s="11" t="s">
        <v>227</v>
      </c>
      <c r="J5" s="11" t="s">
        <v>228</v>
      </c>
      <c r="K5" s="11" t="s">
        <v>10</v>
      </c>
      <c r="L5" s="13" t="s">
        <v>10</v>
      </c>
    </row>
    <row r="6" spans="1:12" ht="34.9" customHeight="1">
      <c r="A6" s="8"/>
      <c r="B6" s="259">
        <v>44105</v>
      </c>
      <c r="C6" s="39"/>
      <c r="D6" s="40">
        <v>4223706</v>
      </c>
      <c r="E6" s="40">
        <v>9237337</v>
      </c>
      <c r="F6" s="40">
        <v>4588268</v>
      </c>
      <c r="G6" s="40">
        <v>4649069</v>
      </c>
      <c r="H6" s="40">
        <v>244428</v>
      </c>
      <c r="I6" s="40">
        <v>111123</v>
      </c>
      <c r="J6" s="260">
        <v>1.2176352647439561</v>
      </c>
      <c r="K6" s="260">
        <v>2.1870217766103988</v>
      </c>
      <c r="L6" s="128">
        <v>3823</v>
      </c>
    </row>
    <row r="7" spans="1:12" ht="34.9" customHeight="1">
      <c r="A7" s="8"/>
      <c r="B7" s="259">
        <v>42278</v>
      </c>
      <c r="C7" s="39"/>
      <c r="D7" s="40">
        <v>3979278</v>
      </c>
      <c r="E7" s="40">
        <v>9126214</v>
      </c>
      <c r="F7" s="40">
        <v>4558978</v>
      </c>
      <c r="G7" s="40">
        <v>4567236</v>
      </c>
      <c r="H7" s="40">
        <v>134753</v>
      </c>
      <c r="I7" s="40">
        <v>77883</v>
      </c>
      <c r="J7" s="260">
        <v>0.86074437374141155</v>
      </c>
      <c r="K7" s="260">
        <v>2.2934346381428994</v>
      </c>
      <c r="L7" s="128">
        <v>3778</v>
      </c>
    </row>
    <row r="8" spans="1:12" ht="34.9" customHeight="1">
      <c r="A8" s="8"/>
      <c r="B8" s="259">
        <v>40452</v>
      </c>
      <c r="C8" s="39"/>
      <c r="D8" s="40">
        <v>3844525</v>
      </c>
      <c r="E8" s="40">
        <v>9048331</v>
      </c>
      <c r="F8" s="40">
        <v>4544545</v>
      </c>
      <c r="G8" s="40">
        <v>4503786</v>
      </c>
      <c r="H8" s="40">
        <v>252659</v>
      </c>
      <c r="I8" s="40">
        <v>256734</v>
      </c>
      <c r="J8" s="260">
        <v>2.9202202967219719</v>
      </c>
      <c r="K8" s="260">
        <v>2.3535627938431927</v>
      </c>
      <c r="L8" s="128">
        <v>3745</v>
      </c>
    </row>
    <row r="9" spans="1:12" ht="34.9" customHeight="1">
      <c r="A9" s="8"/>
      <c r="B9" s="259">
        <v>38626</v>
      </c>
      <c r="C9" s="39"/>
      <c r="D9" s="40">
        <v>3591866</v>
      </c>
      <c r="E9" s="40">
        <v>8791597</v>
      </c>
      <c r="F9" s="40">
        <v>4444555</v>
      </c>
      <c r="G9" s="40">
        <v>4347042</v>
      </c>
      <c r="H9" s="40">
        <v>250633</v>
      </c>
      <c r="I9" s="40">
        <v>301623</v>
      </c>
      <c r="J9" s="260">
        <v>3.5526963922386572</v>
      </c>
      <c r="K9" s="260">
        <v>2.4476405857011367</v>
      </c>
      <c r="L9" s="128">
        <v>3639</v>
      </c>
    </row>
    <row r="10" spans="1:12" ht="34.9" customHeight="1">
      <c r="A10" s="8"/>
      <c r="B10" s="259">
        <v>36800</v>
      </c>
      <c r="C10" s="39"/>
      <c r="D10" s="40">
        <v>3341233</v>
      </c>
      <c r="E10" s="40">
        <v>8489974</v>
      </c>
      <c r="F10" s="40">
        <v>4308786</v>
      </c>
      <c r="G10" s="40">
        <v>4181188</v>
      </c>
      <c r="H10" s="40">
        <v>247235</v>
      </c>
      <c r="I10" s="40">
        <v>244074</v>
      </c>
      <c r="J10" s="260">
        <v>2.9599437296110795</v>
      </c>
      <c r="K10" s="260">
        <v>2.5409703543572086</v>
      </c>
      <c r="L10" s="128">
        <v>3515</v>
      </c>
    </row>
    <row r="11" spans="1:12" ht="34.9" customHeight="1">
      <c r="A11" s="8"/>
      <c r="B11" s="259">
        <v>34973</v>
      </c>
      <c r="C11" s="39"/>
      <c r="D11" s="40">
        <v>3093998</v>
      </c>
      <c r="E11" s="40">
        <v>8245900</v>
      </c>
      <c r="F11" s="40">
        <v>4209525</v>
      </c>
      <c r="G11" s="40">
        <v>4036375</v>
      </c>
      <c r="H11" s="40">
        <v>246186</v>
      </c>
      <c r="I11" s="40">
        <v>265509</v>
      </c>
      <c r="J11" s="260">
        <v>3.327017435611864</v>
      </c>
      <c r="K11" s="260">
        <v>2.6651277731918377</v>
      </c>
      <c r="L11" s="128">
        <v>3416</v>
      </c>
    </row>
    <row r="12" spans="1:12" ht="34.9" customHeight="1">
      <c r="A12" s="8"/>
      <c r="B12" s="259">
        <v>33147</v>
      </c>
      <c r="C12" s="39"/>
      <c r="D12" s="40">
        <v>2847812</v>
      </c>
      <c r="E12" s="40">
        <v>7980391</v>
      </c>
      <c r="F12" s="40">
        <v>4098147</v>
      </c>
      <c r="G12" s="40">
        <v>3882244</v>
      </c>
      <c r="H12" s="40">
        <v>355963</v>
      </c>
      <c r="I12" s="40">
        <v>548417</v>
      </c>
      <c r="J12" s="260">
        <v>7.3791566009245999</v>
      </c>
      <c r="K12" s="260">
        <v>2.8022885639922861</v>
      </c>
      <c r="L12" s="128">
        <v>3308</v>
      </c>
    </row>
    <row r="13" spans="1:12" ht="34.9" customHeight="1">
      <c r="A13" s="8"/>
      <c r="B13" s="259">
        <v>31321</v>
      </c>
      <c r="C13" s="39"/>
      <c r="D13" s="40">
        <v>2491849</v>
      </c>
      <c r="E13" s="40">
        <v>7431974</v>
      </c>
      <c r="F13" s="40">
        <v>3804081</v>
      </c>
      <c r="G13" s="40">
        <v>3627893</v>
      </c>
      <c r="H13" s="40">
        <v>233200</v>
      </c>
      <c r="I13" s="40">
        <v>507626</v>
      </c>
      <c r="J13" s="260">
        <v>7.3310295785249373</v>
      </c>
      <c r="K13" s="260">
        <v>2.9825137879542458</v>
      </c>
      <c r="L13" s="128">
        <v>3094</v>
      </c>
    </row>
    <row r="14" spans="1:12" ht="34.9" customHeight="1">
      <c r="A14" s="8"/>
      <c r="B14" s="259">
        <v>29495</v>
      </c>
      <c r="C14" s="39"/>
      <c r="D14" s="40">
        <v>2258649</v>
      </c>
      <c r="E14" s="40">
        <v>6924348</v>
      </c>
      <c r="F14" s="40">
        <v>3536021</v>
      </c>
      <c r="G14" s="40">
        <v>3388327</v>
      </c>
      <c r="H14" s="40">
        <v>352182</v>
      </c>
      <c r="I14" s="40">
        <v>526600</v>
      </c>
      <c r="J14" s="260">
        <v>8.2310212906166349</v>
      </c>
      <c r="K14" s="260">
        <v>3.0657034359920465</v>
      </c>
      <c r="L14" s="128">
        <v>2889</v>
      </c>
    </row>
    <row r="15" spans="1:12" ht="34.9" customHeight="1">
      <c r="A15" s="8"/>
      <c r="B15" s="259">
        <v>27668</v>
      </c>
      <c r="C15" s="39"/>
      <c r="D15" s="40">
        <v>1906467</v>
      </c>
      <c r="E15" s="40">
        <v>6397748</v>
      </c>
      <c r="F15" s="40">
        <v>3287118</v>
      </c>
      <c r="G15" s="40">
        <v>3110630</v>
      </c>
      <c r="H15" s="40">
        <v>371840</v>
      </c>
      <c r="I15" s="40">
        <v>925501</v>
      </c>
      <c r="J15" s="260">
        <v>16.912632050417315</v>
      </c>
      <c r="K15" s="260">
        <v>3.3558136595073504</v>
      </c>
      <c r="L15" s="128">
        <v>2676</v>
      </c>
    </row>
    <row r="16" spans="1:12" ht="34.9" customHeight="1">
      <c r="A16" s="8"/>
      <c r="B16" s="259">
        <v>25842</v>
      </c>
      <c r="C16" s="39"/>
      <c r="D16" s="40">
        <v>1534627</v>
      </c>
      <c r="E16" s="40">
        <v>5472247</v>
      </c>
      <c r="F16" s="40">
        <v>2822212</v>
      </c>
      <c r="G16" s="40">
        <v>2650035</v>
      </c>
      <c r="H16" s="40">
        <v>384785</v>
      </c>
      <c r="I16" s="40">
        <v>1041504</v>
      </c>
      <c r="J16" s="260">
        <v>23.506305827261929</v>
      </c>
      <c r="K16" s="260">
        <v>3.5658482484668914</v>
      </c>
      <c r="L16" s="128">
        <v>2295</v>
      </c>
    </row>
    <row r="17" spans="1:21" ht="34.9" customHeight="1">
      <c r="A17" s="8"/>
      <c r="B17" s="259">
        <v>24016</v>
      </c>
      <c r="C17" s="39"/>
      <c r="D17" s="40">
        <v>1149842</v>
      </c>
      <c r="E17" s="40">
        <v>4430743</v>
      </c>
      <c r="F17" s="40">
        <v>2280926</v>
      </c>
      <c r="G17" s="40">
        <v>2149817</v>
      </c>
      <c r="H17" s="40">
        <v>332846</v>
      </c>
      <c r="I17" s="40">
        <v>987567</v>
      </c>
      <c r="J17" s="260">
        <v>28.6818623271073</v>
      </c>
      <c r="K17" s="260">
        <v>3.8533494167024687</v>
      </c>
      <c r="L17" s="128">
        <v>1866</v>
      </c>
    </row>
    <row r="18" spans="1:21" ht="34.9" customHeight="1">
      <c r="A18" s="8"/>
      <c r="B18" s="259">
        <v>22190</v>
      </c>
      <c r="C18" s="39"/>
      <c r="D18" s="40">
        <v>816996</v>
      </c>
      <c r="E18" s="40">
        <v>3443176</v>
      </c>
      <c r="F18" s="40">
        <v>1746926</v>
      </c>
      <c r="G18" s="40">
        <v>1696250</v>
      </c>
      <c r="H18" s="40">
        <v>191377</v>
      </c>
      <c r="I18" s="40">
        <v>523679</v>
      </c>
      <c r="J18" s="260">
        <v>17.937302213360727</v>
      </c>
      <c r="K18" s="260">
        <v>4.2144343423958013</v>
      </c>
      <c r="L18" s="128">
        <v>1458</v>
      </c>
    </row>
    <row r="19" spans="1:21" ht="34.9" customHeight="1">
      <c r="A19" s="8"/>
      <c r="B19" s="259">
        <v>20363</v>
      </c>
      <c r="C19" s="39"/>
      <c r="D19" s="40">
        <v>625619</v>
      </c>
      <c r="E19" s="40">
        <v>2919497</v>
      </c>
      <c r="F19" s="40">
        <v>1470415</v>
      </c>
      <c r="G19" s="40">
        <v>1449082</v>
      </c>
      <c r="H19" s="40">
        <v>101705</v>
      </c>
      <c r="I19" s="40">
        <v>431832</v>
      </c>
      <c r="J19" s="260">
        <v>17.358928955466272</v>
      </c>
      <c r="K19" s="260">
        <v>4.6665734256792071</v>
      </c>
      <c r="L19" s="128">
        <v>1236</v>
      </c>
    </row>
    <row r="20" spans="1:21" ht="34.9" customHeight="1">
      <c r="A20" s="8"/>
      <c r="B20" s="259">
        <v>18537</v>
      </c>
      <c r="C20" s="39"/>
      <c r="D20" s="40">
        <v>523914</v>
      </c>
      <c r="E20" s="40">
        <v>2487665</v>
      </c>
      <c r="F20" s="40">
        <v>1247934</v>
      </c>
      <c r="G20" s="40">
        <v>1239731</v>
      </c>
      <c r="H20" s="40">
        <v>57963</v>
      </c>
      <c r="I20" s="40">
        <v>269545</v>
      </c>
      <c r="J20" s="260">
        <v>12.15195751357005</v>
      </c>
      <c r="K20" s="260">
        <v>4.7482315799921357</v>
      </c>
      <c r="L20" s="128">
        <v>1054</v>
      </c>
    </row>
    <row r="21" spans="1:21" ht="34.9" customHeight="1">
      <c r="A21" s="8"/>
      <c r="B21" s="261" t="s">
        <v>229</v>
      </c>
      <c r="C21" s="39"/>
      <c r="D21" s="40">
        <v>465951</v>
      </c>
      <c r="E21" s="40">
        <v>2218120</v>
      </c>
      <c r="F21" s="40">
        <v>1115111</v>
      </c>
      <c r="G21" s="40">
        <v>1103009</v>
      </c>
      <c r="H21" s="40">
        <v>34722</v>
      </c>
      <c r="I21" s="40">
        <v>29146</v>
      </c>
      <c r="J21" s="260">
        <v>1.3314913744978241</v>
      </c>
      <c r="K21" s="260">
        <v>4.7604147217196662</v>
      </c>
      <c r="L21" s="128">
        <v>943</v>
      </c>
    </row>
    <row r="22" spans="1:21" ht="34.9" customHeight="1">
      <c r="A22" s="8"/>
      <c r="B22" s="259">
        <v>14885</v>
      </c>
      <c r="C22" s="39"/>
      <c r="D22" s="40">
        <v>431229</v>
      </c>
      <c r="E22" s="40">
        <v>2188974</v>
      </c>
      <c r="F22" s="40">
        <v>1137936</v>
      </c>
      <c r="G22" s="40">
        <v>1051038</v>
      </c>
      <c r="H22" s="40">
        <v>72913</v>
      </c>
      <c r="I22" s="40">
        <v>348969</v>
      </c>
      <c r="J22" s="260">
        <v>18.965654984633193</v>
      </c>
      <c r="K22" s="260">
        <v>5.0761289245389341</v>
      </c>
      <c r="L22" s="128">
        <v>930</v>
      </c>
    </row>
    <row r="23" spans="1:21" ht="34.9" customHeight="1">
      <c r="A23" s="8"/>
      <c r="B23" s="259">
        <v>13058</v>
      </c>
      <c r="C23" s="39"/>
      <c r="D23" s="40">
        <v>358316</v>
      </c>
      <c r="E23" s="40">
        <v>1840005</v>
      </c>
      <c r="F23" s="40">
        <v>951348</v>
      </c>
      <c r="G23" s="40">
        <v>888657</v>
      </c>
      <c r="H23" s="40">
        <v>35053</v>
      </c>
      <c r="I23" s="40">
        <v>220399</v>
      </c>
      <c r="J23" s="260">
        <v>13.608186188492757</v>
      </c>
      <c r="K23" s="260">
        <v>5.1351460721820965</v>
      </c>
      <c r="L23" s="128">
        <v>782</v>
      </c>
    </row>
    <row r="24" spans="1:21" ht="34.9" customHeight="1">
      <c r="A24" s="8"/>
      <c r="B24" s="259">
        <v>11232</v>
      </c>
      <c r="C24" s="39"/>
      <c r="D24" s="40">
        <v>323263</v>
      </c>
      <c r="E24" s="40">
        <v>1619606</v>
      </c>
      <c r="F24" s="40">
        <v>839309</v>
      </c>
      <c r="G24" s="40">
        <v>780297</v>
      </c>
      <c r="H24" s="40">
        <v>35486</v>
      </c>
      <c r="I24" s="40">
        <v>202814</v>
      </c>
      <c r="J24" s="260">
        <v>14.315015895064342</v>
      </c>
      <c r="K24" s="260">
        <v>5.0101805650507485</v>
      </c>
      <c r="L24" s="128">
        <v>688</v>
      </c>
    </row>
    <row r="25" spans="1:21" ht="34.9" customHeight="1">
      <c r="A25" s="8"/>
      <c r="B25" s="259">
        <v>9406</v>
      </c>
      <c r="C25" s="39"/>
      <c r="D25" s="40">
        <v>287777</v>
      </c>
      <c r="E25" s="40">
        <v>1416792</v>
      </c>
      <c r="F25" s="40">
        <v>739699</v>
      </c>
      <c r="G25" s="40">
        <v>677093</v>
      </c>
      <c r="H25" s="40">
        <v>26635</v>
      </c>
      <c r="I25" s="40">
        <v>93402</v>
      </c>
      <c r="J25" s="260">
        <v>7.0577834198535587</v>
      </c>
      <c r="K25" s="260">
        <v>4.923228750039093</v>
      </c>
      <c r="L25" s="128">
        <v>602</v>
      </c>
    </row>
    <row r="26" spans="1:21" ht="34.9" customHeight="1">
      <c r="A26" s="8"/>
      <c r="B26" s="259">
        <v>7580</v>
      </c>
      <c r="C26" s="39"/>
      <c r="D26" s="40">
        <v>261142</v>
      </c>
      <c r="E26" s="40">
        <v>1323390</v>
      </c>
      <c r="F26" s="40">
        <v>689751</v>
      </c>
      <c r="G26" s="40">
        <v>633639</v>
      </c>
      <c r="H26" s="262" t="s">
        <v>230</v>
      </c>
      <c r="I26" s="262" t="s">
        <v>230</v>
      </c>
      <c r="J26" s="262" t="s">
        <v>230</v>
      </c>
      <c r="K26" s="260">
        <v>5.067702629220884</v>
      </c>
      <c r="L26" s="128">
        <v>563</v>
      </c>
    </row>
    <row r="27" spans="1:21" s="70" customFormat="1" ht="3.75" customHeight="1" thickBot="1">
      <c r="A27" s="51"/>
      <c r="B27" s="52"/>
      <c r="C27" s="52"/>
      <c r="D27" s="114"/>
      <c r="E27" s="114"/>
      <c r="F27" s="114"/>
      <c r="G27" s="114"/>
      <c r="H27" s="114"/>
      <c r="I27" s="114"/>
      <c r="J27" s="114"/>
      <c r="K27" s="254"/>
      <c r="L27" s="215"/>
      <c r="S27"/>
      <c r="T27"/>
      <c r="U27"/>
    </row>
  </sheetData>
  <mergeCells count="8"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87"/>
  <sheetViews>
    <sheetView view="pageBreakPreview" zoomScaleNormal="115" zoomScaleSheetLayoutView="100" workbookViewId="0">
      <selection activeCell="M1" sqref="M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0" width="7.75" style="70" customWidth="1"/>
    <col min="11" max="12" width="7.5" style="70" customWidth="1"/>
    <col min="13" max="19" width="6.875" style="70" customWidth="1"/>
  </cols>
  <sheetData>
    <row r="1" spans="1:19" ht="18.75" customHeight="1">
      <c r="A1" s="76" t="s">
        <v>33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</row>
    <row r="2" spans="1:19" ht="15" customHeight="1" thickBot="1">
      <c r="A2" s="77" t="s">
        <v>34</v>
      </c>
      <c r="B2" s="77"/>
      <c r="C2" s="77"/>
      <c r="K2" s="2"/>
      <c r="L2" s="2"/>
    </row>
    <row r="3" spans="1:19" ht="15" customHeight="1">
      <c r="A3" s="78" t="s">
        <v>2</v>
      </c>
      <c r="B3" s="79"/>
      <c r="C3" s="79"/>
      <c r="D3" s="98" t="s">
        <v>4</v>
      </c>
      <c r="E3" s="84" t="s">
        <v>7</v>
      </c>
      <c r="F3" s="99"/>
      <c r="G3" s="99"/>
      <c r="H3" s="84" t="s">
        <v>8</v>
      </c>
      <c r="I3" s="99"/>
      <c r="J3" s="99"/>
      <c r="K3" s="90" t="s">
        <v>35</v>
      </c>
      <c r="L3" s="100" t="s">
        <v>36</v>
      </c>
    </row>
    <row r="4" spans="1:19" ht="15" customHeight="1">
      <c r="A4" s="82"/>
      <c r="B4" s="83"/>
      <c r="C4" s="83"/>
      <c r="D4" s="97"/>
      <c r="E4" s="73"/>
      <c r="F4" s="74" t="s">
        <v>37</v>
      </c>
      <c r="G4" s="74" t="s">
        <v>38</v>
      </c>
      <c r="H4" s="73"/>
      <c r="I4" s="74" t="s">
        <v>39</v>
      </c>
      <c r="J4" s="74" t="s">
        <v>40</v>
      </c>
      <c r="K4" s="92"/>
      <c r="L4" s="95"/>
    </row>
    <row r="5" spans="1:19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0"/>
      <c r="L5" s="13"/>
    </row>
    <row r="6" spans="1:19" ht="11.25" customHeight="1">
      <c r="A6" s="101"/>
      <c r="B6" s="15" t="s">
        <v>41</v>
      </c>
      <c r="C6" s="16"/>
      <c r="D6" s="102">
        <v>-3276</v>
      </c>
      <c r="E6" s="102">
        <v>-40970</v>
      </c>
      <c r="F6" s="102">
        <v>58118</v>
      </c>
      <c r="G6" s="102">
        <v>99088</v>
      </c>
      <c r="H6" s="102">
        <v>37694</v>
      </c>
      <c r="I6" s="102">
        <v>505665</v>
      </c>
      <c r="J6" s="102">
        <v>467971</v>
      </c>
      <c r="K6" s="103">
        <v>6.3</v>
      </c>
      <c r="L6" s="104">
        <v>10.7</v>
      </c>
    </row>
    <row r="7" spans="1:19" s="30" customFormat="1" ht="11.25" customHeight="1">
      <c r="A7" s="31"/>
      <c r="B7" s="105">
        <v>3</v>
      </c>
      <c r="C7" s="32"/>
      <c r="D7" s="33">
        <v>-5160</v>
      </c>
      <c r="E7" s="33">
        <v>-29983</v>
      </c>
      <c r="F7" s="33">
        <v>60549</v>
      </c>
      <c r="G7" s="33">
        <v>90532</v>
      </c>
      <c r="H7" s="33">
        <v>24823</v>
      </c>
      <c r="I7" s="33">
        <v>488358</v>
      </c>
      <c r="J7" s="33">
        <v>463535</v>
      </c>
      <c r="K7" s="106">
        <v>6.6</v>
      </c>
      <c r="L7" s="107">
        <v>9.8000000000000007</v>
      </c>
      <c r="M7" s="29"/>
      <c r="N7" s="29"/>
      <c r="O7" s="29"/>
      <c r="P7" s="29"/>
      <c r="Q7" s="29"/>
      <c r="R7" s="29"/>
      <c r="S7" s="29"/>
    </row>
    <row r="8" spans="1:19" ht="6" customHeight="1">
      <c r="A8" s="37"/>
      <c r="B8" s="108"/>
      <c r="C8" s="39"/>
      <c r="D8" s="40"/>
      <c r="E8" s="40"/>
      <c r="F8" s="40"/>
      <c r="G8" s="40"/>
      <c r="H8" s="40"/>
      <c r="I8" s="40"/>
      <c r="J8" s="40"/>
      <c r="K8" s="109"/>
      <c r="L8" s="110"/>
    </row>
    <row r="9" spans="1:19" ht="11.25" customHeight="1">
      <c r="A9" s="44"/>
      <c r="B9" s="111" t="s">
        <v>16</v>
      </c>
      <c r="C9" s="46"/>
      <c r="D9" s="47">
        <v>34512</v>
      </c>
      <c r="E9" s="47">
        <v>-22407</v>
      </c>
      <c r="F9" s="47">
        <v>62882</v>
      </c>
      <c r="G9" s="47">
        <v>85289</v>
      </c>
      <c r="H9" s="47">
        <v>56919</v>
      </c>
      <c r="I9" s="47">
        <v>532374</v>
      </c>
      <c r="J9" s="47">
        <v>475455</v>
      </c>
      <c r="K9" s="112">
        <v>6.8</v>
      </c>
      <c r="L9" s="113">
        <v>9.3000000000000007</v>
      </c>
    </row>
    <row r="10" spans="1:19" ht="11.25" customHeight="1">
      <c r="A10" s="37"/>
      <c r="B10" s="108" t="s">
        <v>17</v>
      </c>
      <c r="C10" s="39"/>
      <c r="D10" s="40">
        <v>20200</v>
      </c>
      <c r="E10" s="40">
        <v>-19600</v>
      </c>
      <c r="F10" s="40">
        <v>64905</v>
      </c>
      <c r="G10" s="40">
        <v>84505</v>
      </c>
      <c r="H10" s="40">
        <v>39800</v>
      </c>
      <c r="I10" s="40">
        <v>514781</v>
      </c>
      <c r="J10" s="40">
        <v>474981</v>
      </c>
      <c r="K10" s="109">
        <v>7.1</v>
      </c>
      <c r="L10" s="110">
        <v>9.1999999999999993</v>
      </c>
    </row>
    <row r="11" spans="1:19" ht="11.25" customHeight="1">
      <c r="A11" s="37"/>
      <c r="B11" s="108">
        <v>30</v>
      </c>
      <c r="C11" s="39"/>
      <c r="D11" s="40">
        <v>18346</v>
      </c>
      <c r="E11" s="40">
        <v>-14771</v>
      </c>
      <c r="F11" s="40">
        <v>68228</v>
      </c>
      <c r="G11" s="40">
        <v>82999</v>
      </c>
      <c r="H11" s="40">
        <v>33117</v>
      </c>
      <c r="I11" s="40">
        <v>507579</v>
      </c>
      <c r="J11" s="40">
        <v>474462</v>
      </c>
      <c r="K11" s="109">
        <v>7.4</v>
      </c>
      <c r="L11" s="110">
        <v>9</v>
      </c>
    </row>
    <row r="12" spans="1:19" ht="11.25" customHeight="1">
      <c r="A12" s="37"/>
      <c r="B12" s="108">
        <v>29</v>
      </c>
      <c r="C12" s="39"/>
      <c r="D12" s="40">
        <v>15879</v>
      </c>
      <c r="E12" s="40">
        <v>-11083</v>
      </c>
      <c r="F12" s="40">
        <v>69902</v>
      </c>
      <c r="G12" s="40">
        <v>80985</v>
      </c>
      <c r="H12" s="40">
        <v>26962</v>
      </c>
      <c r="I12" s="40">
        <v>496793</v>
      </c>
      <c r="J12" s="40">
        <v>469831</v>
      </c>
      <c r="K12" s="109">
        <v>7.6</v>
      </c>
      <c r="L12" s="110">
        <v>8.8000000000000007</v>
      </c>
    </row>
    <row r="13" spans="1:19" ht="11.25" customHeight="1">
      <c r="A13" s="37"/>
      <c r="B13" s="108">
        <v>28</v>
      </c>
      <c r="C13" s="39"/>
      <c r="D13" s="40">
        <v>19363</v>
      </c>
      <c r="E13" s="40">
        <v>-5354</v>
      </c>
      <c r="F13" s="40">
        <v>72795</v>
      </c>
      <c r="G13" s="40">
        <v>78149</v>
      </c>
      <c r="H13" s="40">
        <v>24717</v>
      </c>
      <c r="I13" s="40">
        <v>486889</v>
      </c>
      <c r="J13" s="40">
        <v>462172</v>
      </c>
      <c r="K13" s="109">
        <v>8</v>
      </c>
      <c r="L13" s="110">
        <v>8.5</v>
      </c>
    </row>
    <row r="14" spans="1:19" ht="6" customHeight="1">
      <c r="A14" s="37"/>
      <c r="B14" s="108"/>
      <c r="C14" s="39"/>
      <c r="D14" s="40"/>
      <c r="E14" s="40"/>
      <c r="F14" s="40"/>
      <c r="G14" s="40"/>
      <c r="H14" s="40"/>
      <c r="I14" s="40"/>
      <c r="J14" s="40"/>
      <c r="K14" s="109"/>
      <c r="L14" s="110"/>
    </row>
    <row r="15" spans="1:19" ht="11.25" customHeight="1">
      <c r="A15" s="44"/>
      <c r="B15" s="111" t="s">
        <v>18</v>
      </c>
      <c r="C15" s="46"/>
      <c r="D15" s="47">
        <v>27691</v>
      </c>
      <c r="E15" s="47">
        <v>-1492</v>
      </c>
      <c r="F15" s="47">
        <v>75189</v>
      </c>
      <c r="G15" s="47">
        <v>76681</v>
      </c>
      <c r="H15" s="47">
        <v>29183</v>
      </c>
      <c r="I15" s="47">
        <v>521832</v>
      </c>
      <c r="J15" s="47">
        <v>492649</v>
      </c>
      <c r="K15" s="112">
        <v>8.2455154338164931</v>
      </c>
      <c r="L15" s="113">
        <v>8.4091339023059568</v>
      </c>
    </row>
    <row r="16" spans="1:19" ht="11.25" customHeight="1">
      <c r="A16" s="37"/>
      <c r="B16" s="108">
        <v>26</v>
      </c>
      <c r="C16" s="39"/>
      <c r="D16" s="40">
        <v>16507</v>
      </c>
      <c r="E16" s="40">
        <v>-285</v>
      </c>
      <c r="F16" s="40">
        <v>74459</v>
      </c>
      <c r="G16" s="40">
        <v>74744</v>
      </c>
      <c r="H16" s="40">
        <v>16792</v>
      </c>
      <c r="I16" s="40">
        <v>478908</v>
      </c>
      <c r="J16" s="40">
        <v>462116</v>
      </c>
      <c r="K16" s="109">
        <v>8.1847856136665555</v>
      </c>
      <c r="L16" s="110">
        <v>8.2161137795013772</v>
      </c>
    </row>
    <row r="17" spans="1:12" ht="11.25" customHeight="1">
      <c r="A17" s="37"/>
      <c r="B17" s="108">
        <v>25</v>
      </c>
      <c r="C17" s="39"/>
      <c r="D17" s="40">
        <v>11306</v>
      </c>
      <c r="E17" s="40">
        <v>2111</v>
      </c>
      <c r="F17" s="40">
        <v>75656</v>
      </c>
      <c r="G17" s="40">
        <v>73545</v>
      </c>
      <c r="H17" s="40">
        <v>9195</v>
      </c>
      <c r="I17" s="40">
        <v>486505</v>
      </c>
      <c r="J17" s="40">
        <v>477310</v>
      </c>
      <c r="K17" s="109">
        <v>8.3327431671142573</v>
      </c>
      <c r="L17" s="110">
        <v>8.1002378691104209</v>
      </c>
    </row>
    <row r="18" spans="1:12" ht="11.25" customHeight="1">
      <c r="A18" s="37"/>
      <c r="B18" s="108">
        <v>24</v>
      </c>
      <c r="C18" s="39"/>
      <c r="D18" s="40">
        <v>12276</v>
      </c>
      <c r="E18" s="40">
        <v>4625</v>
      </c>
      <c r="F18" s="40">
        <v>77079</v>
      </c>
      <c r="G18" s="40">
        <v>72454</v>
      </c>
      <c r="H18" s="40">
        <v>7651</v>
      </c>
      <c r="I18" s="40">
        <v>487933</v>
      </c>
      <c r="J18" s="40">
        <v>480282</v>
      </c>
      <c r="K18" s="109">
        <v>8.4970442954416985</v>
      </c>
      <c r="L18" s="110">
        <v>7.9871929758031737</v>
      </c>
    </row>
    <row r="19" spans="1:12" ht="11.25" customHeight="1">
      <c r="A19" s="37"/>
      <c r="B19" s="108">
        <v>23</v>
      </c>
      <c r="C19" s="39"/>
      <c r="D19" s="40">
        <v>9229</v>
      </c>
      <c r="E19" s="40">
        <v>5970</v>
      </c>
      <c r="F19" s="40">
        <v>77353</v>
      </c>
      <c r="G19" s="40">
        <v>71383</v>
      </c>
      <c r="H19" s="40">
        <v>3259</v>
      </c>
      <c r="I19" s="40">
        <v>484175</v>
      </c>
      <c r="J19" s="40">
        <v>480916</v>
      </c>
      <c r="K19" s="109">
        <v>8.5383487794001436</v>
      </c>
      <c r="L19" s="110">
        <v>7.8793705598996855</v>
      </c>
    </row>
    <row r="20" spans="1:12" ht="6" customHeight="1">
      <c r="A20" s="37"/>
      <c r="B20" s="108"/>
      <c r="C20" s="39"/>
      <c r="D20" s="40"/>
      <c r="E20" s="40"/>
      <c r="F20" s="40"/>
      <c r="G20" s="40"/>
      <c r="H20" s="40"/>
      <c r="I20" s="40"/>
      <c r="J20" s="40"/>
      <c r="K20" s="109"/>
      <c r="L20" s="110"/>
    </row>
    <row r="21" spans="1:12" ht="11.25" customHeight="1">
      <c r="A21" s="44"/>
      <c r="B21" s="111" t="s">
        <v>19</v>
      </c>
      <c r="C21" s="46"/>
      <c r="D21" s="47">
        <v>42896</v>
      </c>
      <c r="E21" s="47">
        <v>11519</v>
      </c>
      <c r="F21" s="47">
        <v>79870</v>
      </c>
      <c r="G21" s="47">
        <v>68351</v>
      </c>
      <c r="H21" s="47">
        <v>31377</v>
      </c>
      <c r="I21" s="47">
        <v>530727</v>
      </c>
      <c r="J21" s="47">
        <v>499350</v>
      </c>
      <c r="K21" s="112">
        <v>8.846624758454027</v>
      </c>
      <c r="L21" s="113">
        <v>7.5707480764378507</v>
      </c>
    </row>
    <row r="22" spans="1:12" ht="11.25" customHeight="1">
      <c r="A22" s="37"/>
      <c r="B22" s="108">
        <v>21</v>
      </c>
      <c r="C22" s="39"/>
      <c r="D22" s="40">
        <v>42780</v>
      </c>
      <c r="E22" s="40">
        <v>15296</v>
      </c>
      <c r="F22" s="40">
        <v>79738</v>
      </c>
      <c r="G22" s="40">
        <v>64442</v>
      </c>
      <c r="H22" s="40">
        <v>27484</v>
      </c>
      <c r="I22" s="40">
        <v>520485</v>
      </c>
      <c r="J22" s="40">
        <v>493001</v>
      </c>
      <c r="K22" s="109">
        <v>8.8584411374372625</v>
      </c>
      <c r="L22" s="110">
        <v>7.1591419872423696</v>
      </c>
    </row>
    <row r="23" spans="1:12" ht="11.25" customHeight="1">
      <c r="A23" s="37"/>
      <c r="B23" s="108">
        <v>20</v>
      </c>
      <c r="C23" s="39"/>
      <c r="D23" s="40">
        <v>55096</v>
      </c>
      <c r="E23" s="40">
        <v>16427</v>
      </c>
      <c r="F23" s="40">
        <v>80276</v>
      </c>
      <c r="G23" s="40">
        <v>63849</v>
      </c>
      <c r="H23" s="40">
        <v>38669</v>
      </c>
      <c r="I23" s="40">
        <v>530261</v>
      </c>
      <c r="J23" s="40">
        <v>491592</v>
      </c>
      <c r="K23" s="109">
        <v>8.9726517205928147</v>
      </c>
      <c r="L23" s="110">
        <v>7.1365643493463873</v>
      </c>
    </row>
    <row r="24" spans="1:12" ht="11.25" customHeight="1">
      <c r="A24" s="37"/>
      <c r="B24" s="108">
        <v>19</v>
      </c>
      <c r="C24" s="39"/>
      <c r="D24" s="40">
        <v>62090</v>
      </c>
      <c r="E24" s="40">
        <v>19192</v>
      </c>
      <c r="F24" s="40">
        <v>80674</v>
      </c>
      <c r="G24" s="40">
        <v>61482</v>
      </c>
      <c r="H24" s="40">
        <v>42898</v>
      </c>
      <c r="I24" s="40">
        <v>549582</v>
      </c>
      <c r="J24" s="40">
        <v>506684</v>
      </c>
      <c r="K24" s="109">
        <v>9.0747590561143721</v>
      </c>
      <c r="L24" s="110">
        <v>6.9159126396115704</v>
      </c>
    </row>
    <row r="25" spans="1:12" ht="11.25" customHeight="1">
      <c r="A25" s="37"/>
      <c r="B25" s="108">
        <v>18</v>
      </c>
      <c r="C25" s="39"/>
      <c r="D25" s="40">
        <v>46534</v>
      </c>
      <c r="E25" s="40">
        <v>20836</v>
      </c>
      <c r="F25" s="40">
        <v>80256</v>
      </c>
      <c r="G25" s="40">
        <v>59420</v>
      </c>
      <c r="H25" s="40">
        <v>25698</v>
      </c>
      <c r="I25" s="40">
        <v>543598</v>
      </c>
      <c r="J25" s="40">
        <v>517900</v>
      </c>
      <c r="K25" s="109">
        <v>9.0878239397170724</v>
      </c>
      <c r="L25" s="110">
        <v>6.7284501906148879</v>
      </c>
    </row>
    <row r="26" spans="1:12" ht="6" customHeight="1">
      <c r="A26" s="37"/>
      <c r="B26" s="108"/>
      <c r="C26" s="39"/>
      <c r="D26" s="40"/>
      <c r="E26" s="40"/>
      <c r="F26" s="40"/>
      <c r="G26" s="40"/>
      <c r="H26" s="40"/>
      <c r="I26" s="40"/>
      <c r="J26" s="40"/>
      <c r="K26" s="109"/>
      <c r="L26" s="110"/>
    </row>
    <row r="27" spans="1:12" ht="11.25" customHeight="1">
      <c r="A27" s="44"/>
      <c r="B27" s="111" t="s">
        <v>20</v>
      </c>
      <c r="C27" s="46"/>
      <c r="D27" s="47">
        <v>52901</v>
      </c>
      <c r="E27" s="47">
        <v>18418</v>
      </c>
      <c r="F27" s="47">
        <v>77579</v>
      </c>
      <c r="G27" s="47">
        <v>59161</v>
      </c>
      <c r="H27" s="47">
        <v>34483</v>
      </c>
      <c r="I27" s="47">
        <v>568091</v>
      </c>
      <c r="J27" s="47">
        <v>533608</v>
      </c>
      <c r="K27" s="112">
        <v>8.8365684194196064</v>
      </c>
      <c r="L27" s="113">
        <v>6.7386821725116759</v>
      </c>
    </row>
    <row r="28" spans="1:12" ht="11.25" customHeight="1">
      <c r="A28" s="37"/>
      <c r="B28" s="108">
        <v>16</v>
      </c>
      <c r="C28" s="39"/>
      <c r="D28" s="40">
        <v>51011</v>
      </c>
      <c r="E28" s="40">
        <v>25047</v>
      </c>
      <c r="F28" s="40">
        <v>81067</v>
      </c>
      <c r="G28" s="40">
        <v>56020</v>
      </c>
      <c r="H28" s="40">
        <v>25964</v>
      </c>
      <c r="I28" s="40">
        <v>558651</v>
      </c>
      <c r="J28" s="40">
        <v>532687</v>
      </c>
      <c r="K28" s="109">
        <v>9.2789761546554796</v>
      </c>
      <c r="L28" s="110">
        <v>6.4120819098252051</v>
      </c>
    </row>
    <row r="29" spans="1:12" ht="11.25" customHeight="1">
      <c r="A29" s="37"/>
      <c r="B29" s="108">
        <v>15</v>
      </c>
      <c r="C29" s="39"/>
      <c r="D29" s="40">
        <v>58055</v>
      </c>
      <c r="E29" s="40">
        <v>26314</v>
      </c>
      <c r="F29" s="40">
        <v>81271</v>
      </c>
      <c r="G29" s="40">
        <v>54957</v>
      </c>
      <c r="H29" s="40">
        <v>31741</v>
      </c>
      <c r="I29" s="40">
        <v>574857</v>
      </c>
      <c r="J29" s="40">
        <v>543116</v>
      </c>
      <c r="K29" s="109">
        <v>9.3651838622133017</v>
      </c>
      <c r="L29" s="110">
        <v>6.3329159173094514</v>
      </c>
    </row>
    <row r="30" spans="1:12" ht="11.25" customHeight="1">
      <c r="A30" s="37"/>
      <c r="B30" s="108">
        <v>14</v>
      </c>
      <c r="C30" s="39"/>
      <c r="D30" s="40">
        <v>64293</v>
      </c>
      <c r="E30" s="40">
        <v>29182</v>
      </c>
      <c r="F30" s="40">
        <v>82685</v>
      </c>
      <c r="G30" s="40">
        <v>53503</v>
      </c>
      <c r="H30" s="40">
        <v>35111</v>
      </c>
      <c r="I30" s="40">
        <v>571871</v>
      </c>
      <c r="J30" s="40">
        <v>536760</v>
      </c>
      <c r="K30" s="109">
        <v>9.5956938504234603</v>
      </c>
      <c r="L30" s="110">
        <v>6.2090875984665459</v>
      </c>
    </row>
    <row r="31" spans="1:12" ht="11.25" customHeight="1">
      <c r="A31" s="37"/>
      <c r="B31" s="108">
        <v>13</v>
      </c>
      <c r="C31" s="39"/>
      <c r="D31" s="40">
        <v>71874</v>
      </c>
      <c r="E31" s="40">
        <v>30898</v>
      </c>
      <c r="F31" s="40">
        <v>83163</v>
      </c>
      <c r="G31" s="40">
        <v>52265</v>
      </c>
      <c r="H31" s="40">
        <v>40976</v>
      </c>
      <c r="I31" s="40">
        <v>583135</v>
      </c>
      <c r="J31" s="40">
        <v>542159</v>
      </c>
      <c r="K31" s="109">
        <v>9.7292235748974019</v>
      </c>
      <c r="L31" s="110">
        <v>6.114472423337455</v>
      </c>
    </row>
    <row r="32" spans="1:12" ht="6" customHeight="1">
      <c r="A32" s="37"/>
      <c r="B32" s="108"/>
      <c r="C32" s="39"/>
      <c r="D32" s="40"/>
      <c r="E32" s="40"/>
      <c r="F32" s="40"/>
      <c r="G32" s="40"/>
      <c r="H32" s="40"/>
      <c r="I32" s="40"/>
      <c r="J32" s="40"/>
      <c r="K32" s="109"/>
      <c r="L32" s="110"/>
    </row>
    <row r="33" spans="1:12" ht="11.25" customHeight="1">
      <c r="A33" s="44"/>
      <c r="B33" s="111" t="s">
        <v>21</v>
      </c>
      <c r="C33" s="46"/>
      <c r="D33" s="47">
        <v>57324</v>
      </c>
      <c r="E33" s="47">
        <v>33217</v>
      </c>
      <c r="F33" s="47">
        <v>84411</v>
      </c>
      <c r="G33" s="47">
        <v>51194</v>
      </c>
      <c r="H33" s="47">
        <v>24107</v>
      </c>
      <c r="I33" s="47">
        <v>591245</v>
      </c>
      <c r="J33" s="47">
        <v>567138</v>
      </c>
      <c r="K33" s="112">
        <v>9.9548692779933585</v>
      </c>
      <c r="L33" s="113">
        <v>6.0374782648895531</v>
      </c>
    </row>
    <row r="34" spans="1:12" ht="11.25" customHeight="1">
      <c r="A34" s="37"/>
      <c r="B34" s="108">
        <v>11</v>
      </c>
      <c r="C34" s="39"/>
      <c r="D34" s="40">
        <v>47838</v>
      </c>
      <c r="E34" s="40">
        <v>31408</v>
      </c>
      <c r="F34" s="40">
        <v>83308</v>
      </c>
      <c r="G34" s="40">
        <v>51900</v>
      </c>
      <c r="H34" s="40">
        <v>16430</v>
      </c>
      <c r="I34" s="40">
        <v>572124</v>
      </c>
      <c r="J34" s="40">
        <v>555694</v>
      </c>
      <c r="K34" s="109">
        <v>9.8853316714597401</v>
      </c>
      <c r="L34" s="110">
        <v>6.1584567358328206</v>
      </c>
    </row>
    <row r="35" spans="1:12" ht="11.25" customHeight="1">
      <c r="A35" s="37"/>
      <c r="B35" s="108">
        <v>10</v>
      </c>
      <c r="C35" s="39"/>
      <c r="D35" s="40">
        <v>57499</v>
      </c>
      <c r="E35" s="40">
        <v>34626</v>
      </c>
      <c r="F35" s="40">
        <v>84711</v>
      </c>
      <c r="G35" s="40">
        <v>50085</v>
      </c>
      <c r="H35" s="40">
        <v>22873</v>
      </c>
      <c r="I35" s="40">
        <v>574061</v>
      </c>
      <c r="J35" s="40">
        <v>551188</v>
      </c>
      <c r="K35" s="109">
        <v>10.110553557909657</v>
      </c>
      <c r="L35" s="110">
        <v>5.9778195859794492</v>
      </c>
    </row>
    <row r="36" spans="1:12" ht="11.25" customHeight="1">
      <c r="A36" s="37"/>
      <c r="B36" s="108">
        <v>9</v>
      </c>
      <c r="C36" s="39"/>
      <c r="D36" s="40">
        <v>45333</v>
      </c>
      <c r="E36" s="40">
        <v>35197</v>
      </c>
      <c r="F36" s="40">
        <v>82961</v>
      </c>
      <c r="G36" s="40">
        <v>47764</v>
      </c>
      <c r="H36" s="40">
        <v>10136</v>
      </c>
      <c r="I36" s="40">
        <v>579491</v>
      </c>
      <c r="J36" s="40">
        <v>569355</v>
      </c>
      <c r="K36" s="109">
        <v>9.9708677735366322</v>
      </c>
      <c r="L36" s="110">
        <v>5.7406314814817039</v>
      </c>
    </row>
    <row r="37" spans="1:12" ht="11.25" customHeight="1">
      <c r="A37" s="37"/>
      <c r="B37" s="108">
        <v>8</v>
      </c>
      <c r="C37" s="39"/>
      <c r="D37" s="40">
        <v>42839</v>
      </c>
      <c r="E37" s="40">
        <v>36959</v>
      </c>
      <c r="F37" s="40">
        <v>83046</v>
      </c>
      <c r="G37" s="40">
        <v>46087</v>
      </c>
      <c r="H37" s="40">
        <v>5880</v>
      </c>
      <c r="I37" s="40">
        <v>590290</v>
      </c>
      <c r="J37" s="40">
        <v>584410</v>
      </c>
      <c r="K37" s="109">
        <v>10.034985784193067</v>
      </c>
      <c r="L37" s="110">
        <v>5.5689905574754457</v>
      </c>
    </row>
    <row r="38" spans="1:12" ht="6" customHeight="1">
      <c r="A38" s="37"/>
      <c r="B38" s="108"/>
      <c r="C38" s="39"/>
      <c r="D38" s="40"/>
      <c r="E38" s="40"/>
      <c r="F38" s="40"/>
      <c r="G38" s="40"/>
      <c r="H38" s="40"/>
      <c r="I38" s="40"/>
      <c r="J38" s="40"/>
      <c r="K38" s="109"/>
      <c r="L38" s="110"/>
    </row>
    <row r="39" spans="1:12" ht="11.25" customHeight="1">
      <c r="A39" s="44"/>
      <c r="B39" s="111" t="s">
        <v>22</v>
      </c>
      <c r="C39" s="46"/>
      <c r="D39" s="47">
        <v>13825</v>
      </c>
      <c r="E39" s="47">
        <v>35304</v>
      </c>
      <c r="F39" s="47">
        <v>82204</v>
      </c>
      <c r="G39" s="47">
        <v>46900</v>
      </c>
      <c r="H39" s="47">
        <v>-21479</v>
      </c>
      <c r="I39" s="47">
        <v>598915</v>
      </c>
      <c r="J39" s="47">
        <v>620394</v>
      </c>
      <c r="K39" s="112">
        <v>9.9517605224153698</v>
      </c>
      <c r="L39" s="113">
        <v>5.6777963177130175</v>
      </c>
    </row>
    <row r="40" spans="1:12" ht="11.25" customHeight="1">
      <c r="A40" s="37"/>
      <c r="B40" s="108">
        <v>6</v>
      </c>
      <c r="C40" s="39"/>
      <c r="D40" s="40">
        <v>41968</v>
      </c>
      <c r="E40" s="40">
        <v>40246</v>
      </c>
      <c r="F40" s="40">
        <v>85015</v>
      </c>
      <c r="G40" s="40">
        <v>44769</v>
      </c>
      <c r="H40" s="40">
        <v>1722</v>
      </c>
      <c r="I40" s="40">
        <v>599910</v>
      </c>
      <c r="J40" s="40">
        <v>598188</v>
      </c>
      <c r="K40" s="109">
        <v>10.34199567975493</v>
      </c>
      <c r="L40" s="110">
        <v>5.4461072115150087</v>
      </c>
    </row>
    <row r="41" spans="1:12" ht="11.25" customHeight="1">
      <c r="A41" s="37"/>
      <c r="B41" s="108">
        <v>5</v>
      </c>
      <c r="C41" s="39"/>
      <c r="D41" s="40">
        <v>48360</v>
      </c>
      <c r="E41" s="40">
        <v>36360</v>
      </c>
      <c r="F41" s="40">
        <v>80550</v>
      </c>
      <c r="G41" s="40">
        <v>44190</v>
      </c>
      <c r="H41" s="40">
        <v>12000</v>
      </c>
      <c r="I41" s="40">
        <v>597641</v>
      </c>
      <c r="J41" s="40">
        <v>585641</v>
      </c>
      <c r="K41" s="109">
        <v>9.8455441304056084</v>
      </c>
      <c r="L41" s="110">
        <v>5.4012985117644172</v>
      </c>
    </row>
    <row r="42" spans="1:12" ht="11.25" customHeight="1">
      <c r="A42" s="37"/>
      <c r="B42" s="108">
        <v>4</v>
      </c>
      <c r="C42" s="39"/>
      <c r="D42" s="40">
        <v>63663</v>
      </c>
      <c r="E42" s="40">
        <v>38388</v>
      </c>
      <c r="F42" s="40">
        <v>80794</v>
      </c>
      <c r="G42" s="40">
        <v>42406</v>
      </c>
      <c r="H42" s="40">
        <v>25275</v>
      </c>
      <c r="I42" s="40">
        <v>593602</v>
      </c>
      <c r="J42" s="40">
        <v>568327</v>
      </c>
      <c r="K42" s="109">
        <v>9.9356300444283541</v>
      </c>
      <c r="L42" s="110">
        <v>5.2148714962005691</v>
      </c>
    </row>
    <row r="43" spans="1:12" ht="11.25" customHeight="1">
      <c r="A43" s="37"/>
      <c r="B43" s="108">
        <v>3</v>
      </c>
      <c r="C43" s="39"/>
      <c r="D43" s="40">
        <v>86102</v>
      </c>
      <c r="E43" s="40">
        <v>40921</v>
      </c>
      <c r="F43" s="40">
        <v>81652</v>
      </c>
      <c r="G43" s="40">
        <v>40731</v>
      </c>
      <c r="H43" s="40">
        <v>45181</v>
      </c>
      <c r="I43" s="40">
        <v>596314</v>
      </c>
      <c r="J43" s="40">
        <v>551133</v>
      </c>
      <c r="K43" s="109">
        <v>10.134822733073182</v>
      </c>
      <c r="L43" s="110">
        <v>5.0556197611914442</v>
      </c>
    </row>
    <row r="44" spans="1:12" ht="6" customHeight="1">
      <c r="A44" s="37"/>
      <c r="B44" s="108"/>
      <c r="C44" s="39"/>
      <c r="D44" s="40"/>
      <c r="E44" s="40"/>
      <c r="F44" s="40"/>
      <c r="G44" s="40"/>
      <c r="H44" s="40"/>
      <c r="I44" s="40"/>
      <c r="J44" s="40"/>
      <c r="K44" s="109"/>
      <c r="L44" s="110"/>
    </row>
    <row r="45" spans="1:12" ht="11.25" customHeight="1">
      <c r="A45" s="44"/>
      <c r="B45" s="111" t="s">
        <v>23</v>
      </c>
      <c r="C45" s="46"/>
      <c r="D45" s="47">
        <v>88365</v>
      </c>
      <c r="E45" s="47">
        <v>39966</v>
      </c>
      <c r="F45" s="47">
        <v>79435</v>
      </c>
      <c r="G45" s="47">
        <v>39469</v>
      </c>
      <c r="H45" s="47">
        <v>48399</v>
      </c>
      <c r="I45" s="47">
        <v>611876</v>
      </c>
      <c r="J45" s="47">
        <v>563477</v>
      </c>
      <c r="K45" s="112">
        <v>9.9612859796357629</v>
      </c>
      <c r="L45" s="113">
        <v>4.9494806612984696</v>
      </c>
    </row>
    <row r="46" spans="1:12" ht="11.25" customHeight="1">
      <c r="A46" s="37"/>
      <c r="B46" s="108" t="s">
        <v>24</v>
      </c>
      <c r="C46" s="39"/>
      <c r="D46" s="40">
        <v>100278</v>
      </c>
      <c r="E46" s="40">
        <v>42342</v>
      </c>
      <c r="F46" s="40">
        <v>79173</v>
      </c>
      <c r="G46" s="40">
        <v>36831</v>
      </c>
      <c r="H46" s="40">
        <v>57936</v>
      </c>
      <c r="I46" s="40">
        <v>585529</v>
      </c>
      <c r="J46" s="40">
        <v>527593</v>
      </c>
      <c r="K46" s="109">
        <v>10.055043466698265</v>
      </c>
      <c r="L46" s="110">
        <v>4.6775707112521161</v>
      </c>
    </row>
    <row r="47" spans="1:12" ht="11.25" customHeight="1">
      <c r="A47" s="37"/>
      <c r="B47" s="108" t="s">
        <v>25</v>
      </c>
      <c r="C47" s="39"/>
      <c r="D47" s="40">
        <v>109017</v>
      </c>
      <c r="E47" s="40">
        <v>47324</v>
      </c>
      <c r="F47" s="40">
        <v>84328</v>
      </c>
      <c r="G47" s="40">
        <v>37004</v>
      </c>
      <c r="H47" s="40">
        <v>61693</v>
      </c>
      <c r="I47" s="40">
        <v>568062</v>
      </c>
      <c r="J47" s="40">
        <v>506369</v>
      </c>
      <c r="K47" s="109">
        <v>10.852556550007174</v>
      </c>
      <c r="L47" s="110">
        <v>4.7622142417283166</v>
      </c>
    </row>
    <row r="48" spans="1:12" ht="11.25" customHeight="1">
      <c r="A48" s="37"/>
      <c r="B48" s="108">
        <v>62</v>
      </c>
      <c r="C48" s="39"/>
      <c r="D48" s="40">
        <v>128890</v>
      </c>
      <c r="E48" s="40">
        <v>48655</v>
      </c>
      <c r="F48" s="40">
        <v>83506</v>
      </c>
      <c r="G48" s="40">
        <v>34851</v>
      </c>
      <c r="H48" s="40">
        <v>80235</v>
      </c>
      <c r="I48" s="40">
        <v>579558</v>
      </c>
      <c r="J48" s="40">
        <v>499323</v>
      </c>
      <c r="K48" s="109">
        <v>10.905958862022107</v>
      </c>
      <c r="L48" s="110">
        <v>4.5515720103984441</v>
      </c>
    </row>
    <row r="49" spans="1:12" ht="11.25" customHeight="1">
      <c r="A49" s="37"/>
      <c r="B49" s="108">
        <v>61</v>
      </c>
      <c r="C49" s="39"/>
      <c r="D49" s="40">
        <v>119944</v>
      </c>
      <c r="E49" s="40">
        <v>49040</v>
      </c>
      <c r="F49" s="40">
        <v>83036</v>
      </c>
      <c r="G49" s="40">
        <v>33996</v>
      </c>
      <c r="H49" s="40">
        <v>70904</v>
      </c>
      <c r="I49" s="40">
        <v>559606</v>
      </c>
      <c r="J49" s="40">
        <v>488702</v>
      </c>
      <c r="K49" s="109">
        <v>11.033199118842871</v>
      </c>
      <c r="L49" s="110">
        <v>4.5171327766773715</v>
      </c>
    </row>
    <row r="50" spans="1:12" ht="6" customHeight="1">
      <c r="A50" s="37"/>
      <c r="B50" s="108"/>
      <c r="C50" s="39"/>
      <c r="D50" s="40"/>
      <c r="E50" s="40"/>
      <c r="F50" s="40"/>
      <c r="G50" s="40"/>
      <c r="H50" s="40"/>
      <c r="I50" s="40"/>
      <c r="J50" s="40"/>
      <c r="K50" s="109"/>
      <c r="L50" s="110"/>
    </row>
    <row r="51" spans="1:12" ht="11.25" customHeight="1">
      <c r="A51" s="44"/>
      <c r="B51" s="111" t="s">
        <v>26</v>
      </c>
      <c r="C51" s="46"/>
      <c r="D51" s="47">
        <v>102260</v>
      </c>
      <c r="E51" s="47">
        <v>52583</v>
      </c>
      <c r="F51" s="47">
        <v>86202</v>
      </c>
      <c r="G51" s="47">
        <v>33619</v>
      </c>
      <c r="H51" s="47">
        <v>49677</v>
      </c>
      <c r="I51" s="47">
        <v>545369</v>
      </c>
      <c r="J51" s="47">
        <v>495692</v>
      </c>
      <c r="K51" s="112">
        <v>11.627944620972871</v>
      </c>
      <c r="L51" s="113">
        <v>4.5349280783797008</v>
      </c>
    </row>
    <row r="52" spans="1:12" ht="11.25" customHeight="1">
      <c r="A52" s="37"/>
      <c r="B52" s="108">
        <v>59</v>
      </c>
      <c r="C52" s="39"/>
      <c r="D52" s="40">
        <v>101415</v>
      </c>
      <c r="E52" s="40">
        <v>55972</v>
      </c>
      <c r="F52" s="40">
        <v>88786</v>
      </c>
      <c r="G52" s="40">
        <v>32814</v>
      </c>
      <c r="H52" s="40">
        <v>45443</v>
      </c>
      <c r="I52" s="40">
        <v>529376</v>
      </c>
      <c r="J52" s="40">
        <v>483933</v>
      </c>
      <c r="K52" s="109">
        <v>12.145736249590461</v>
      </c>
      <c r="L52" s="110">
        <v>4.4888855145412725</v>
      </c>
    </row>
    <row r="53" spans="1:12" ht="11.25" customHeight="1">
      <c r="A53" s="37"/>
      <c r="B53" s="108">
        <v>58</v>
      </c>
      <c r="C53" s="39"/>
      <c r="D53" s="40">
        <v>100535</v>
      </c>
      <c r="E53" s="40">
        <v>58352</v>
      </c>
      <c r="F53" s="40">
        <v>90597</v>
      </c>
      <c r="G53" s="40">
        <v>32245</v>
      </c>
      <c r="H53" s="40">
        <v>42183</v>
      </c>
      <c r="I53" s="40">
        <v>530510</v>
      </c>
      <c r="J53" s="40">
        <v>488327</v>
      </c>
      <c r="K53" s="109">
        <v>12.562638474395913</v>
      </c>
      <c r="L53" s="110">
        <v>4.4712548716502338</v>
      </c>
    </row>
    <row r="54" spans="1:12" ht="11.25" customHeight="1">
      <c r="A54" s="37"/>
      <c r="B54" s="108">
        <v>57</v>
      </c>
      <c r="C54" s="39"/>
      <c r="D54" s="40">
        <v>103483</v>
      </c>
      <c r="E54" s="40">
        <v>60339</v>
      </c>
      <c r="F54" s="40">
        <v>90554</v>
      </c>
      <c r="G54" s="40">
        <v>30215</v>
      </c>
      <c r="H54" s="40">
        <v>43144</v>
      </c>
      <c r="I54" s="40">
        <v>542446</v>
      </c>
      <c r="J54" s="40">
        <v>499302</v>
      </c>
      <c r="K54" s="109">
        <v>12.735100239305238</v>
      </c>
      <c r="L54" s="110">
        <v>4.2492993543146378</v>
      </c>
    </row>
    <row r="55" spans="1:12" ht="11.25" customHeight="1">
      <c r="A55" s="37"/>
      <c r="B55" s="108">
        <v>56</v>
      </c>
      <c r="C55" s="39"/>
      <c r="D55" s="40">
        <v>100986</v>
      </c>
      <c r="E55" s="40">
        <v>62127</v>
      </c>
      <c r="F55" s="40">
        <v>92348</v>
      </c>
      <c r="G55" s="40">
        <v>30221</v>
      </c>
      <c r="H55" s="40">
        <v>38859</v>
      </c>
      <c r="I55" s="40">
        <v>540831</v>
      </c>
      <c r="J55" s="40">
        <v>501972</v>
      </c>
      <c r="K55" s="109">
        <v>13.183497415635923</v>
      </c>
      <c r="L55" s="110">
        <v>4.3143162320562789</v>
      </c>
    </row>
    <row r="56" spans="1:12" ht="6" customHeight="1">
      <c r="A56" s="37"/>
      <c r="B56" s="108"/>
      <c r="C56" s="39"/>
      <c r="D56" s="40"/>
      <c r="E56" s="40"/>
      <c r="F56" s="40"/>
      <c r="G56" s="40"/>
      <c r="H56" s="40"/>
      <c r="I56" s="40"/>
      <c r="J56" s="40"/>
      <c r="K56" s="109"/>
      <c r="L56" s="110"/>
    </row>
    <row r="57" spans="1:12" ht="11.25" customHeight="1">
      <c r="A57" s="44"/>
      <c r="B57" s="111" t="s">
        <v>27</v>
      </c>
      <c r="C57" s="46"/>
      <c r="D57" s="47">
        <v>86534</v>
      </c>
      <c r="E57" s="47">
        <v>64640</v>
      </c>
      <c r="F57" s="47">
        <v>94274</v>
      </c>
      <c r="G57" s="47">
        <v>29634</v>
      </c>
      <c r="H57" s="47">
        <v>21894</v>
      </c>
      <c r="I57" s="47">
        <v>549403</v>
      </c>
      <c r="J57" s="47">
        <v>527509</v>
      </c>
      <c r="K57" s="112">
        <v>13.642075602862413</v>
      </c>
      <c r="L57" s="113">
        <v>4.2882371429580246</v>
      </c>
    </row>
    <row r="58" spans="1:12" ht="11.25" customHeight="1">
      <c r="A58" s="37"/>
      <c r="B58" s="108">
        <v>54</v>
      </c>
      <c r="C58" s="39"/>
      <c r="D58" s="40">
        <v>97817</v>
      </c>
      <c r="E58" s="40">
        <v>71989</v>
      </c>
      <c r="F58" s="40">
        <v>99947</v>
      </c>
      <c r="G58" s="40">
        <v>27958</v>
      </c>
      <c r="H58" s="40">
        <v>25828</v>
      </c>
      <c r="I58" s="40">
        <v>572868</v>
      </c>
      <c r="J58" s="40">
        <v>547040</v>
      </c>
      <c r="K58" s="109">
        <v>14.659486358421486</v>
      </c>
      <c r="L58" s="110">
        <v>4.1006725525403258</v>
      </c>
    </row>
    <row r="59" spans="1:12" ht="11.25" customHeight="1">
      <c r="A59" s="37"/>
      <c r="B59" s="108">
        <v>53</v>
      </c>
      <c r="C59" s="39"/>
      <c r="D59" s="40">
        <v>112529</v>
      </c>
      <c r="E59" s="40">
        <v>76221</v>
      </c>
      <c r="F59" s="40">
        <v>104017</v>
      </c>
      <c r="G59" s="40">
        <v>27796</v>
      </c>
      <c r="H59" s="40">
        <v>36308</v>
      </c>
      <c r="I59" s="40">
        <v>577221</v>
      </c>
      <c r="J59" s="40">
        <v>540913</v>
      </c>
      <c r="K59" s="109">
        <v>15.501116121491602</v>
      </c>
      <c r="L59" s="110">
        <v>4.1422942760604569</v>
      </c>
    </row>
    <row r="60" spans="1:12" ht="11.25" customHeight="1">
      <c r="A60" s="37"/>
      <c r="B60" s="108">
        <v>52</v>
      </c>
      <c r="C60" s="39"/>
      <c r="D60" s="40">
        <v>112020</v>
      </c>
      <c r="E60" s="40">
        <v>81332</v>
      </c>
      <c r="F60" s="40">
        <v>108145</v>
      </c>
      <c r="G60" s="40">
        <v>26813</v>
      </c>
      <c r="H60" s="40">
        <v>30688</v>
      </c>
      <c r="I60" s="40">
        <v>580079</v>
      </c>
      <c r="J60" s="40">
        <v>549391</v>
      </c>
      <c r="K60" s="109">
        <v>16.385407449606671</v>
      </c>
      <c r="L60" s="110">
        <v>4.0625265148301235</v>
      </c>
    </row>
    <row r="61" spans="1:12" ht="11.25" customHeight="1">
      <c r="A61" s="37"/>
      <c r="B61" s="108">
        <v>51</v>
      </c>
      <c r="C61" s="39"/>
      <c r="D61" s="40">
        <v>113349</v>
      </c>
      <c r="E61" s="40">
        <v>87123</v>
      </c>
      <c r="F61" s="40">
        <v>113644</v>
      </c>
      <c r="G61" s="40">
        <v>26521</v>
      </c>
      <c r="H61" s="40">
        <v>26226</v>
      </c>
      <c r="I61" s="40">
        <v>582766</v>
      </c>
      <c r="J61" s="40">
        <v>556540</v>
      </c>
      <c r="K61" s="109">
        <v>17.509671272269195</v>
      </c>
      <c r="L61" s="110">
        <v>4.0862165341931931</v>
      </c>
    </row>
    <row r="62" spans="1:12" ht="6" customHeight="1">
      <c r="A62" s="37"/>
      <c r="B62" s="108"/>
      <c r="C62" s="39"/>
      <c r="D62" s="40"/>
      <c r="E62" s="40"/>
      <c r="F62" s="40"/>
      <c r="G62" s="40"/>
      <c r="H62" s="40"/>
      <c r="I62" s="40"/>
      <c r="J62" s="40"/>
      <c r="K62" s="109"/>
      <c r="L62" s="110"/>
    </row>
    <row r="63" spans="1:12" ht="11.25" customHeight="1">
      <c r="A63" s="44"/>
      <c r="B63" s="111" t="s">
        <v>28</v>
      </c>
      <c r="C63" s="46"/>
      <c r="D63" s="47">
        <v>125327</v>
      </c>
      <c r="E63" s="47">
        <v>90784</v>
      </c>
      <c r="F63" s="47">
        <v>117269</v>
      </c>
      <c r="G63" s="47">
        <v>26485</v>
      </c>
      <c r="H63" s="47">
        <v>34543</v>
      </c>
      <c r="I63" s="47">
        <v>607335</v>
      </c>
      <c r="J63" s="47">
        <v>572792</v>
      </c>
      <c r="K63" s="112">
        <v>18.393587865618223</v>
      </c>
      <c r="L63" s="113">
        <v>4.1541598770425141</v>
      </c>
    </row>
    <row r="64" spans="1:12" ht="11.25" customHeight="1">
      <c r="A64" s="37"/>
      <c r="B64" s="108">
        <v>49</v>
      </c>
      <c r="C64" s="39"/>
      <c r="D64" s="40">
        <v>157902</v>
      </c>
      <c r="E64" s="40">
        <v>101799</v>
      </c>
      <c r="F64" s="40">
        <v>128524</v>
      </c>
      <c r="G64" s="40">
        <v>26725</v>
      </c>
      <c r="H64" s="40">
        <v>56103</v>
      </c>
      <c r="I64" s="40">
        <v>658495</v>
      </c>
      <c r="J64" s="40">
        <v>602392</v>
      </c>
      <c r="K64" s="109">
        <v>20.61722376515063</v>
      </c>
      <c r="L64" s="110">
        <v>4.2871005035919403</v>
      </c>
    </row>
    <row r="65" spans="1:12" ht="11.25" customHeight="1">
      <c r="A65" s="37"/>
      <c r="B65" s="108">
        <v>48</v>
      </c>
      <c r="C65" s="39"/>
      <c r="D65" s="40">
        <v>179906</v>
      </c>
      <c r="E65" s="40">
        <v>108371</v>
      </c>
      <c r="F65" s="40">
        <v>134217</v>
      </c>
      <c r="G65" s="40">
        <v>25846</v>
      </c>
      <c r="H65" s="40">
        <v>71535</v>
      </c>
      <c r="I65" s="40">
        <v>700624</v>
      </c>
      <c r="J65" s="40">
        <v>629089</v>
      </c>
      <c r="K65" s="109">
        <v>22.127612009320117</v>
      </c>
      <c r="L65" s="110">
        <v>4.2610865985149999</v>
      </c>
    </row>
    <row r="66" spans="1:12" ht="11.25" customHeight="1">
      <c r="A66" s="37"/>
      <c r="B66" s="108">
        <v>47</v>
      </c>
      <c r="C66" s="39"/>
      <c r="D66" s="40">
        <v>199934</v>
      </c>
      <c r="E66" s="40">
        <v>106384</v>
      </c>
      <c r="F66" s="40">
        <v>131361</v>
      </c>
      <c r="G66" s="40">
        <v>24977</v>
      </c>
      <c r="H66" s="40">
        <v>93550</v>
      </c>
      <c r="I66" s="40">
        <v>701526</v>
      </c>
      <c r="J66" s="40">
        <v>607976</v>
      </c>
      <c r="K66" s="109">
        <v>22.331365980354121</v>
      </c>
      <c r="L66" s="110">
        <v>4.2460892357039377</v>
      </c>
    </row>
    <row r="67" spans="1:12" ht="11.25" customHeight="1">
      <c r="A67" s="37"/>
      <c r="B67" s="108">
        <v>46</v>
      </c>
      <c r="C67" s="39"/>
      <c r="D67" s="40">
        <v>233876</v>
      </c>
      <c r="E67" s="40">
        <v>102700</v>
      </c>
      <c r="F67" s="40">
        <v>126635</v>
      </c>
      <c r="G67" s="40">
        <v>23935</v>
      </c>
      <c r="H67" s="40">
        <v>131176</v>
      </c>
      <c r="I67" s="40">
        <v>714259</v>
      </c>
      <c r="J67" s="40">
        <v>583083</v>
      </c>
      <c r="K67" s="109">
        <v>22.334983301894862</v>
      </c>
      <c r="L67" s="110">
        <v>4.2214855713732664</v>
      </c>
    </row>
    <row r="68" spans="1:12" ht="6" customHeight="1">
      <c r="A68" s="37"/>
      <c r="B68" s="108"/>
      <c r="C68" s="39"/>
      <c r="D68" s="40"/>
      <c r="E68" s="40"/>
      <c r="F68" s="40"/>
      <c r="G68" s="40"/>
      <c r="H68" s="40"/>
      <c r="I68" s="40"/>
      <c r="J68" s="40"/>
      <c r="K68" s="109"/>
      <c r="L68" s="110"/>
    </row>
    <row r="69" spans="1:12" s="70" customFormat="1" ht="11.25" customHeight="1">
      <c r="A69" s="44"/>
      <c r="B69" s="111" t="s">
        <v>29</v>
      </c>
      <c r="C69" s="46"/>
      <c r="D69" s="47">
        <v>231476</v>
      </c>
      <c r="E69" s="47">
        <v>97696</v>
      </c>
      <c r="F69" s="47">
        <v>120706</v>
      </c>
      <c r="G69" s="47">
        <v>23010</v>
      </c>
      <c r="H69" s="47">
        <v>133780</v>
      </c>
      <c r="I69" s="47">
        <v>770448</v>
      </c>
      <c r="J69" s="47">
        <v>636668</v>
      </c>
      <c r="K69" s="112">
        <v>22.20187509150691</v>
      </c>
      <c r="L69" s="113">
        <v>4.2323094614648316</v>
      </c>
    </row>
    <row r="70" spans="1:12" s="70" customFormat="1" ht="11.25" customHeight="1">
      <c r="A70" s="37"/>
      <c r="B70" s="108">
        <v>44</v>
      </c>
      <c r="C70" s="39"/>
      <c r="D70" s="40">
        <v>219526</v>
      </c>
      <c r="E70" s="40">
        <v>90246</v>
      </c>
      <c r="F70" s="40">
        <v>111300</v>
      </c>
      <c r="G70" s="40">
        <v>21054</v>
      </c>
      <c r="H70" s="40">
        <v>129280</v>
      </c>
      <c r="I70" s="40">
        <v>728289</v>
      </c>
      <c r="J70" s="40">
        <v>599009</v>
      </c>
      <c r="K70" s="109">
        <v>21.369449559075104</v>
      </c>
      <c r="L70" s="110">
        <v>4.0423395419296249</v>
      </c>
    </row>
    <row r="71" spans="1:12" s="70" customFormat="1" ht="11.25" customHeight="1">
      <c r="A71" s="37"/>
      <c r="B71" s="108">
        <v>43</v>
      </c>
      <c r="C71" s="39"/>
      <c r="D71" s="40">
        <v>227639</v>
      </c>
      <c r="E71" s="40">
        <v>86018</v>
      </c>
      <c r="F71" s="40">
        <v>106834</v>
      </c>
      <c r="G71" s="40">
        <v>20816</v>
      </c>
      <c r="H71" s="40">
        <v>141621</v>
      </c>
      <c r="I71" s="40">
        <v>692357</v>
      </c>
      <c r="J71" s="40">
        <v>550736</v>
      </c>
      <c r="K71" s="109">
        <v>21.449147567340535</v>
      </c>
      <c r="L71" s="110">
        <v>4.1792449572398356</v>
      </c>
    </row>
    <row r="72" spans="1:12" s="29" customFormat="1" ht="11.25" customHeight="1">
      <c r="A72" s="60"/>
      <c r="B72" s="105">
        <v>42</v>
      </c>
      <c r="C72" s="32"/>
      <c r="D72" s="33">
        <v>207214</v>
      </c>
      <c r="E72" s="33">
        <v>85699</v>
      </c>
      <c r="F72" s="33">
        <v>105413</v>
      </c>
      <c r="G72" s="33">
        <v>19714</v>
      </c>
      <c r="H72" s="33">
        <v>121515</v>
      </c>
      <c r="I72" s="33">
        <v>624117</v>
      </c>
      <c r="J72" s="33">
        <v>502602</v>
      </c>
      <c r="K72" s="106">
        <v>22.105802434987282</v>
      </c>
      <c r="L72" s="107">
        <v>4.1341560263282453</v>
      </c>
    </row>
    <row r="73" spans="1:12" s="29" customFormat="1" ht="11.25" customHeight="1">
      <c r="A73" s="31"/>
      <c r="B73" s="105">
        <v>41</v>
      </c>
      <c r="C73" s="32"/>
      <c r="D73" s="33">
        <v>164190</v>
      </c>
      <c r="E73" s="33">
        <v>55394</v>
      </c>
      <c r="F73" s="33">
        <v>74176</v>
      </c>
      <c r="G73" s="33">
        <v>18782</v>
      </c>
      <c r="H73" s="33">
        <v>108796</v>
      </c>
      <c r="I73" s="33">
        <v>606898</v>
      </c>
      <c r="J73" s="33">
        <v>498102</v>
      </c>
      <c r="K73" s="106">
        <v>16.224050071981974</v>
      </c>
      <c r="L73" s="107">
        <v>4.108068761485729</v>
      </c>
    </row>
    <row r="74" spans="1:12" s="29" customFormat="1" ht="6" customHeight="1">
      <c r="A74" s="60"/>
      <c r="B74" s="105"/>
      <c r="C74" s="32"/>
      <c r="D74" s="33"/>
      <c r="E74" s="33"/>
      <c r="F74" s="33"/>
      <c r="G74" s="33"/>
      <c r="H74" s="33"/>
      <c r="I74" s="33"/>
      <c r="J74" s="33"/>
      <c r="K74" s="106"/>
      <c r="L74" s="107"/>
    </row>
    <row r="75" spans="1:12" s="29" customFormat="1" ht="11.25" customHeight="1">
      <c r="A75" s="61"/>
      <c r="B75" s="111" t="s">
        <v>31</v>
      </c>
      <c r="C75" s="46"/>
      <c r="D75" s="47">
        <v>219486</v>
      </c>
      <c r="E75" s="47">
        <v>73843</v>
      </c>
      <c r="F75" s="47">
        <v>91899</v>
      </c>
      <c r="G75" s="47">
        <v>18056</v>
      </c>
      <c r="H75" s="47">
        <v>145643</v>
      </c>
      <c r="I75" s="47">
        <v>622019</v>
      </c>
      <c r="J75" s="47">
        <v>476376</v>
      </c>
      <c r="K75" s="112">
        <v>20.92497597244704</v>
      </c>
      <c r="L75" s="113">
        <v>4.1112674366261199</v>
      </c>
    </row>
    <row r="76" spans="1:12" s="29" customFormat="1" ht="11.25" customHeight="1">
      <c r="A76" s="60"/>
      <c r="B76" s="105">
        <v>39</v>
      </c>
      <c r="C76" s="32"/>
      <c r="D76" s="33">
        <v>230897</v>
      </c>
      <c r="E76" s="33">
        <v>63494</v>
      </c>
      <c r="F76" s="33">
        <v>79361</v>
      </c>
      <c r="G76" s="33">
        <v>15867</v>
      </c>
      <c r="H76" s="33">
        <v>167403</v>
      </c>
      <c r="I76" s="33">
        <v>606259</v>
      </c>
      <c r="J76" s="33">
        <v>438856</v>
      </c>
      <c r="K76" s="106">
        <v>19.135522204376663</v>
      </c>
      <c r="L76" s="107">
        <v>3.8258506170139559</v>
      </c>
    </row>
    <row r="77" spans="1:12" s="29" customFormat="1" ht="11.25" customHeight="1">
      <c r="A77" s="60"/>
      <c r="B77" s="105">
        <v>38</v>
      </c>
      <c r="C77" s="32"/>
      <c r="D77" s="33">
        <v>187535</v>
      </c>
      <c r="E77" s="33">
        <v>54670</v>
      </c>
      <c r="F77" s="33">
        <v>70137</v>
      </c>
      <c r="G77" s="33">
        <v>15467</v>
      </c>
      <c r="H77" s="33">
        <v>132865</v>
      </c>
      <c r="I77" s="33">
        <v>502670</v>
      </c>
      <c r="J77" s="33">
        <v>369805</v>
      </c>
      <c r="K77" s="106">
        <v>17.8</v>
      </c>
      <c r="L77" s="107">
        <v>3.9</v>
      </c>
    </row>
    <row r="78" spans="1:12" s="29" customFormat="1" ht="11.25" customHeight="1">
      <c r="A78" s="60"/>
      <c r="B78" s="105">
        <v>37</v>
      </c>
      <c r="C78" s="32"/>
      <c r="D78" s="33">
        <v>192971</v>
      </c>
      <c r="E78" s="33">
        <v>47778</v>
      </c>
      <c r="F78" s="33">
        <v>64329</v>
      </c>
      <c r="G78" s="33">
        <v>16551</v>
      </c>
      <c r="H78" s="33">
        <v>145193</v>
      </c>
      <c r="I78" s="33">
        <v>463974</v>
      </c>
      <c r="J78" s="33">
        <v>318781</v>
      </c>
      <c r="K78" s="106">
        <v>17.100000000000001</v>
      </c>
      <c r="L78" s="107">
        <v>4.4000000000000004</v>
      </c>
    </row>
    <row r="79" spans="1:12" s="29" customFormat="1" ht="11.25" customHeight="1">
      <c r="A79" s="60"/>
      <c r="B79" s="105">
        <v>36</v>
      </c>
      <c r="C79" s="32"/>
      <c r="D79" s="33">
        <v>165890</v>
      </c>
      <c r="E79" s="33">
        <v>44449</v>
      </c>
      <c r="F79" s="33">
        <v>59920</v>
      </c>
      <c r="G79" s="33">
        <v>15471</v>
      </c>
      <c r="H79" s="33">
        <v>121441</v>
      </c>
      <c r="I79" s="33">
        <v>399589</v>
      </c>
      <c r="J79" s="33">
        <v>278148</v>
      </c>
      <c r="K79" s="106">
        <v>16.8</v>
      </c>
      <c r="L79" s="107">
        <v>4.3</v>
      </c>
    </row>
    <row r="80" spans="1:12" s="29" customFormat="1" ht="6" customHeight="1">
      <c r="A80" s="60"/>
      <c r="B80" s="105"/>
      <c r="C80" s="32"/>
      <c r="D80" s="33"/>
      <c r="E80" s="33"/>
      <c r="F80" s="33"/>
      <c r="G80" s="33"/>
      <c r="H80" s="33"/>
      <c r="I80" s="33"/>
      <c r="J80" s="33"/>
      <c r="K80" s="106"/>
      <c r="L80" s="107"/>
    </row>
    <row r="81" spans="1:19" s="29" customFormat="1" ht="11.25" customHeight="1">
      <c r="A81" s="61"/>
      <c r="B81" s="111" t="s">
        <v>32</v>
      </c>
      <c r="C81" s="46"/>
      <c r="D81" s="47">
        <v>145393</v>
      </c>
      <c r="E81" s="47">
        <v>40148</v>
      </c>
      <c r="F81" s="47">
        <v>56724</v>
      </c>
      <c r="G81" s="47">
        <v>16576</v>
      </c>
      <c r="H81" s="47">
        <v>105245</v>
      </c>
      <c r="I81" s="47">
        <v>374283</v>
      </c>
      <c r="J81" s="47">
        <v>269038</v>
      </c>
      <c r="K81" s="112">
        <v>16.600000000000001</v>
      </c>
      <c r="L81" s="113">
        <v>4.9000000000000004</v>
      </c>
    </row>
    <row r="82" spans="1:19" s="29" customFormat="1" ht="11.25" customHeight="1">
      <c r="A82" s="60"/>
      <c r="B82" s="105">
        <v>34</v>
      </c>
      <c r="C82" s="32"/>
      <c r="D82" s="33">
        <v>123782</v>
      </c>
      <c r="E82" s="33">
        <v>38423</v>
      </c>
      <c r="F82" s="33">
        <v>55309</v>
      </c>
      <c r="G82" s="33">
        <v>16886</v>
      </c>
      <c r="H82" s="33">
        <v>85359</v>
      </c>
      <c r="I82" s="33">
        <v>348412</v>
      </c>
      <c r="J82" s="33">
        <v>263053</v>
      </c>
      <c r="K82" s="106">
        <v>16.899999999999999</v>
      </c>
      <c r="L82" s="107">
        <v>5.2</v>
      </c>
    </row>
    <row r="83" spans="1:19" s="70" customFormat="1" ht="11.25" customHeight="1">
      <c r="A83" s="37"/>
      <c r="B83" s="108" t="s">
        <v>14</v>
      </c>
      <c r="C83" s="39"/>
      <c r="D83" s="40">
        <v>109184</v>
      </c>
      <c r="E83" s="40">
        <v>35708</v>
      </c>
      <c r="F83" s="40">
        <v>53970</v>
      </c>
      <c r="G83" s="40">
        <v>18262</v>
      </c>
      <c r="H83" s="40">
        <v>73476</v>
      </c>
      <c r="I83" s="40">
        <v>363306</v>
      </c>
      <c r="J83" s="40">
        <v>289830</v>
      </c>
      <c r="K83" s="109">
        <v>17.100000000000001</v>
      </c>
      <c r="L83" s="110">
        <v>5.8</v>
      </c>
    </row>
    <row r="84" spans="1:19" s="70" customFormat="1" ht="6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115"/>
      <c r="L84" s="116"/>
    </row>
    <row r="85" spans="1:19" s="58" customFormat="1" ht="13.5" customHeight="1">
      <c r="A85" s="75" t="s">
        <v>42</v>
      </c>
      <c r="B85" s="75"/>
      <c r="C85" s="75"/>
      <c r="D85" s="75"/>
      <c r="E85" s="75"/>
      <c r="F85" s="75"/>
      <c r="G85" s="75"/>
      <c r="H85" s="75"/>
      <c r="I85" s="75"/>
      <c r="J85" s="75"/>
      <c r="K85" s="75"/>
      <c r="L85" s="75"/>
    </row>
    <row r="86" spans="1:19" s="59" customFormat="1" ht="13.5" customHeight="1">
      <c r="A86" s="117" t="s">
        <v>43</v>
      </c>
      <c r="B86" s="117"/>
      <c r="C86" s="117"/>
      <c r="D86" s="117"/>
      <c r="E86" s="117"/>
      <c r="F86" s="117"/>
      <c r="G86" s="117"/>
      <c r="H86" s="117"/>
      <c r="I86" s="117"/>
      <c r="J86" s="117"/>
      <c r="K86" s="117"/>
      <c r="L86" s="117"/>
      <c r="M86" s="58"/>
      <c r="N86" s="58"/>
      <c r="O86" s="58"/>
      <c r="P86" s="58"/>
      <c r="Q86" s="58"/>
      <c r="R86" s="58"/>
      <c r="S86" s="58"/>
    </row>
    <row r="87" spans="1:19" s="59" customFormat="1" ht="13.5" customHeight="1">
      <c r="A87" s="117" t="s">
        <v>44</v>
      </c>
      <c r="B87" s="117"/>
      <c r="C87" s="117"/>
      <c r="D87" s="117"/>
      <c r="E87" s="117"/>
      <c r="F87" s="117"/>
      <c r="G87" s="117"/>
      <c r="H87" s="117"/>
      <c r="I87" s="117"/>
      <c r="J87" s="117"/>
      <c r="K87" s="117"/>
      <c r="L87" s="117"/>
      <c r="M87" s="58"/>
      <c r="N87" s="58"/>
      <c r="O87" s="58"/>
      <c r="P87" s="58"/>
      <c r="Q87" s="58"/>
      <c r="R87" s="58"/>
      <c r="S87" s="58"/>
    </row>
  </sheetData>
  <mergeCells count="11">
    <mergeCell ref="A85:L85"/>
    <mergeCell ref="A86:L86"/>
    <mergeCell ref="A87:L87"/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4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62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1" width="8.75" style="70" customWidth="1"/>
    <col min="12" max="18" width="6.875" style="70" customWidth="1"/>
  </cols>
  <sheetData>
    <row r="1" spans="1:18" ht="17.25" customHeight="1">
      <c r="A1" s="76" t="s">
        <v>45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8" ht="13.5" customHeight="1" thickBot="1">
      <c r="A2" s="77" t="s">
        <v>46</v>
      </c>
      <c r="B2" s="77"/>
      <c r="C2" s="77"/>
      <c r="K2" s="2"/>
    </row>
    <row r="3" spans="1:18" ht="13.5" customHeight="1">
      <c r="A3" s="78" t="s">
        <v>2</v>
      </c>
      <c r="B3" s="79"/>
      <c r="C3" s="79"/>
      <c r="D3" s="87" t="s">
        <v>47</v>
      </c>
      <c r="E3" s="118"/>
      <c r="F3" s="118"/>
      <c r="G3" s="119"/>
      <c r="H3" s="87" t="s">
        <v>48</v>
      </c>
      <c r="I3" s="118"/>
      <c r="J3" s="118"/>
      <c r="K3" s="120"/>
    </row>
    <row r="4" spans="1:18" ht="13.5" customHeight="1">
      <c r="A4" s="82"/>
      <c r="B4" s="83"/>
      <c r="C4" s="83"/>
      <c r="D4" s="74" t="s">
        <v>49</v>
      </c>
      <c r="E4" s="74" t="s">
        <v>50</v>
      </c>
      <c r="F4" s="74" t="s">
        <v>51</v>
      </c>
      <c r="G4" s="74" t="s">
        <v>52</v>
      </c>
      <c r="H4" s="74" t="s">
        <v>49</v>
      </c>
      <c r="I4" s="74" t="s">
        <v>50</v>
      </c>
      <c r="J4" s="74" t="s">
        <v>51</v>
      </c>
      <c r="K4" s="121" t="s">
        <v>52</v>
      </c>
    </row>
    <row r="5" spans="1:18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3" t="s">
        <v>10</v>
      </c>
    </row>
    <row r="6" spans="1:18" ht="9.75" customHeight="1">
      <c r="A6" s="14"/>
      <c r="B6" s="15" t="s">
        <v>41</v>
      </c>
      <c r="C6" s="16"/>
      <c r="D6" s="102">
        <v>505665</v>
      </c>
      <c r="E6" s="102">
        <v>277827</v>
      </c>
      <c r="F6" s="102">
        <v>218434</v>
      </c>
      <c r="G6" s="102">
        <v>9404</v>
      </c>
      <c r="H6" s="102">
        <v>467971</v>
      </c>
      <c r="I6" s="102">
        <v>238713</v>
      </c>
      <c r="J6" s="102">
        <v>219281</v>
      </c>
      <c r="K6" s="122">
        <v>9977</v>
      </c>
    </row>
    <row r="7" spans="1:18" s="30" customFormat="1" ht="9.75" customHeight="1">
      <c r="A7" s="31"/>
      <c r="B7" s="105">
        <v>3</v>
      </c>
      <c r="C7" s="32"/>
      <c r="D7" s="25">
        <v>488358</v>
      </c>
      <c r="E7" s="25">
        <v>255456</v>
      </c>
      <c r="F7" s="25">
        <v>224220</v>
      </c>
      <c r="G7" s="25">
        <v>8682</v>
      </c>
      <c r="H7" s="25">
        <v>463535</v>
      </c>
      <c r="I7" s="25">
        <v>226534</v>
      </c>
      <c r="J7" s="25">
        <v>225396</v>
      </c>
      <c r="K7" s="123">
        <v>11605</v>
      </c>
      <c r="L7" s="29"/>
      <c r="M7" s="29"/>
      <c r="N7" s="29"/>
      <c r="O7" s="29"/>
      <c r="P7" s="29"/>
      <c r="Q7" s="29"/>
      <c r="R7" s="29"/>
    </row>
    <row r="8" spans="1:18" ht="3.75" customHeight="1">
      <c r="A8" s="37"/>
      <c r="B8" s="108"/>
      <c r="C8" s="39"/>
      <c r="D8" s="124"/>
      <c r="E8" s="124"/>
      <c r="F8" s="124"/>
      <c r="G8" s="124"/>
      <c r="H8" s="124"/>
      <c r="I8" s="124"/>
      <c r="J8" s="124"/>
      <c r="K8" s="125"/>
    </row>
    <row r="9" spans="1:18" ht="9.75" customHeight="1">
      <c r="A9" s="44"/>
      <c r="B9" s="111" t="s">
        <v>16</v>
      </c>
      <c r="C9" s="46"/>
      <c r="D9" s="126">
        <v>532374</v>
      </c>
      <c r="E9" s="126">
        <v>261549</v>
      </c>
      <c r="F9" s="126">
        <v>221024</v>
      </c>
      <c r="G9" s="126">
        <v>49801</v>
      </c>
      <c r="H9" s="126">
        <v>475455</v>
      </c>
      <c r="I9" s="126">
        <v>223959</v>
      </c>
      <c r="J9" s="126">
        <v>221936</v>
      </c>
      <c r="K9" s="127">
        <v>29560</v>
      </c>
    </row>
    <row r="10" spans="1:18" ht="9.75" customHeight="1">
      <c r="A10" s="37"/>
      <c r="B10" s="108" t="s">
        <v>17</v>
      </c>
      <c r="C10" s="39"/>
      <c r="D10" s="124">
        <v>514781</v>
      </c>
      <c r="E10" s="124">
        <v>282181</v>
      </c>
      <c r="F10" s="124">
        <v>221135</v>
      </c>
      <c r="G10" s="124">
        <v>11465</v>
      </c>
      <c r="H10" s="124">
        <v>474981</v>
      </c>
      <c r="I10" s="124">
        <v>239921</v>
      </c>
      <c r="J10" s="124">
        <v>222431</v>
      </c>
      <c r="K10" s="125">
        <v>12629</v>
      </c>
    </row>
    <row r="11" spans="1:18" ht="9.75" customHeight="1">
      <c r="A11" s="37"/>
      <c r="B11" s="108">
        <v>30</v>
      </c>
      <c r="C11" s="39"/>
      <c r="D11" s="124">
        <v>507579</v>
      </c>
      <c r="E11" s="124">
        <v>274940</v>
      </c>
      <c r="F11" s="124">
        <v>221743</v>
      </c>
      <c r="G11" s="124">
        <v>10896</v>
      </c>
      <c r="H11" s="124">
        <v>474462</v>
      </c>
      <c r="I11" s="124">
        <v>239411</v>
      </c>
      <c r="J11" s="124">
        <v>222712</v>
      </c>
      <c r="K11" s="125">
        <v>12339</v>
      </c>
    </row>
    <row r="12" spans="1:18" ht="9.75" customHeight="1">
      <c r="A12" s="37"/>
      <c r="B12" s="108">
        <v>29</v>
      </c>
      <c r="C12" s="39"/>
      <c r="D12" s="124">
        <v>496793</v>
      </c>
      <c r="E12" s="124">
        <v>265442</v>
      </c>
      <c r="F12" s="124">
        <v>220592</v>
      </c>
      <c r="G12" s="124">
        <v>10759</v>
      </c>
      <c r="H12" s="124">
        <v>469831</v>
      </c>
      <c r="I12" s="124">
        <v>237013</v>
      </c>
      <c r="J12" s="124">
        <v>221619</v>
      </c>
      <c r="K12" s="125">
        <v>11199</v>
      </c>
    </row>
    <row r="13" spans="1:18" ht="9.75" customHeight="1">
      <c r="A13" s="37"/>
      <c r="B13" s="108">
        <v>28</v>
      </c>
      <c r="C13" s="39"/>
      <c r="D13" s="124">
        <v>486889</v>
      </c>
      <c r="E13" s="124">
        <v>259314</v>
      </c>
      <c r="F13" s="124">
        <v>216791</v>
      </c>
      <c r="G13" s="124">
        <v>10784</v>
      </c>
      <c r="H13" s="124">
        <v>462172</v>
      </c>
      <c r="I13" s="124">
        <v>233261</v>
      </c>
      <c r="J13" s="124">
        <v>217581</v>
      </c>
      <c r="K13" s="125">
        <v>11330</v>
      </c>
    </row>
    <row r="14" spans="1:18" ht="3.75" customHeight="1">
      <c r="A14" s="37"/>
      <c r="B14" s="108"/>
      <c r="C14" s="39"/>
      <c r="D14" s="124"/>
      <c r="E14" s="124"/>
      <c r="F14" s="124"/>
      <c r="G14" s="124"/>
      <c r="H14" s="124"/>
      <c r="I14" s="124"/>
      <c r="J14" s="124"/>
      <c r="K14" s="125"/>
    </row>
    <row r="15" spans="1:18" ht="9.75" customHeight="1">
      <c r="A15" s="44"/>
      <c r="B15" s="111" t="s">
        <v>18</v>
      </c>
      <c r="C15" s="46"/>
      <c r="D15" s="126">
        <v>521832</v>
      </c>
      <c r="E15" s="126">
        <v>262018</v>
      </c>
      <c r="F15" s="126">
        <v>226485</v>
      </c>
      <c r="G15" s="126">
        <v>33329</v>
      </c>
      <c r="H15" s="126">
        <v>492649</v>
      </c>
      <c r="I15" s="126">
        <v>237337</v>
      </c>
      <c r="J15" s="126">
        <v>227223</v>
      </c>
      <c r="K15" s="127">
        <v>28089</v>
      </c>
    </row>
    <row r="16" spans="1:18" ht="9.75" customHeight="1">
      <c r="A16" s="37"/>
      <c r="B16" s="108">
        <v>26</v>
      </c>
      <c r="C16" s="39"/>
      <c r="D16" s="124">
        <v>478908</v>
      </c>
      <c r="E16" s="124">
        <v>241986</v>
      </c>
      <c r="F16" s="124">
        <v>217356</v>
      </c>
      <c r="G16" s="124">
        <v>19566</v>
      </c>
      <c r="H16" s="124">
        <v>462116</v>
      </c>
      <c r="I16" s="124">
        <v>229444</v>
      </c>
      <c r="J16" s="124">
        <v>218377</v>
      </c>
      <c r="K16" s="125">
        <v>14295</v>
      </c>
    </row>
    <row r="17" spans="1:11" ht="9.75" customHeight="1">
      <c r="A17" s="37"/>
      <c r="B17" s="108">
        <v>25</v>
      </c>
      <c r="C17" s="39"/>
      <c r="D17" s="40">
        <v>486505</v>
      </c>
      <c r="E17" s="40">
        <v>243151</v>
      </c>
      <c r="F17" s="40">
        <v>225349</v>
      </c>
      <c r="G17" s="40">
        <v>18005</v>
      </c>
      <c r="H17" s="40">
        <v>477310</v>
      </c>
      <c r="I17" s="40">
        <v>232820</v>
      </c>
      <c r="J17" s="40">
        <v>226205</v>
      </c>
      <c r="K17" s="128">
        <v>18285</v>
      </c>
    </row>
    <row r="18" spans="1:11" ht="9.75" customHeight="1">
      <c r="A18" s="37"/>
      <c r="B18" s="108">
        <v>24</v>
      </c>
      <c r="C18" s="39"/>
      <c r="D18" s="40">
        <v>487933</v>
      </c>
      <c r="E18" s="40">
        <v>247534</v>
      </c>
      <c r="F18" s="40">
        <v>226497</v>
      </c>
      <c r="G18" s="40">
        <v>13902</v>
      </c>
      <c r="H18" s="40">
        <v>480282</v>
      </c>
      <c r="I18" s="40">
        <v>241640</v>
      </c>
      <c r="J18" s="40">
        <v>227171</v>
      </c>
      <c r="K18" s="128">
        <v>11471</v>
      </c>
    </row>
    <row r="19" spans="1:11" ht="9.75" customHeight="1">
      <c r="A19" s="37"/>
      <c r="B19" s="108">
        <v>23</v>
      </c>
      <c r="C19" s="39"/>
      <c r="D19" s="40">
        <v>484175</v>
      </c>
      <c r="E19" s="40">
        <v>252086</v>
      </c>
      <c r="F19" s="40">
        <v>223613</v>
      </c>
      <c r="G19" s="40">
        <v>8476</v>
      </c>
      <c r="H19" s="40">
        <v>480916</v>
      </c>
      <c r="I19" s="40">
        <v>248853</v>
      </c>
      <c r="J19" s="40">
        <v>223991</v>
      </c>
      <c r="K19" s="128">
        <v>8072</v>
      </c>
    </row>
    <row r="20" spans="1:11" ht="3.75" customHeight="1">
      <c r="A20" s="37"/>
      <c r="B20" s="108"/>
      <c r="C20" s="39"/>
      <c r="D20" s="40"/>
      <c r="E20" s="40"/>
      <c r="F20" s="40"/>
      <c r="G20" s="40"/>
      <c r="H20" s="40"/>
      <c r="I20" s="40"/>
      <c r="J20" s="40"/>
      <c r="K20" s="128"/>
    </row>
    <row r="21" spans="1:11" ht="9.75" customHeight="1">
      <c r="A21" s="44"/>
      <c r="B21" s="111" t="s">
        <v>19</v>
      </c>
      <c r="C21" s="46"/>
      <c r="D21" s="47">
        <v>530727</v>
      </c>
      <c r="E21" s="47">
        <v>262190</v>
      </c>
      <c r="F21" s="47">
        <v>231508</v>
      </c>
      <c r="G21" s="47">
        <v>37029</v>
      </c>
      <c r="H21" s="47">
        <v>499350</v>
      </c>
      <c r="I21" s="47">
        <v>250007</v>
      </c>
      <c r="J21" s="47">
        <v>231945</v>
      </c>
      <c r="K21" s="129">
        <v>17398</v>
      </c>
    </row>
    <row r="22" spans="1:11" ht="9.75" customHeight="1">
      <c r="A22" s="37"/>
      <c r="B22" s="108">
        <v>21</v>
      </c>
      <c r="C22" s="39"/>
      <c r="D22" s="40">
        <v>520485</v>
      </c>
      <c r="E22" s="40">
        <v>279077</v>
      </c>
      <c r="F22" s="40">
        <v>233183</v>
      </c>
      <c r="G22" s="40">
        <v>8225</v>
      </c>
      <c r="H22" s="40">
        <v>493001</v>
      </c>
      <c r="I22" s="40">
        <v>252803</v>
      </c>
      <c r="J22" s="40">
        <v>233166</v>
      </c>
      <c r="K22" s="128">
        <v>7032</v>
      </c>
    </row>
    <row r="23" spans="1:11" ht="9.75" customHeight="1">
      <c r="A23" s="37"/>
      <c r="B23" s="108">
        <v>20</v>
      </c>
      <c r="C23" s="39"/>
      <c r="D23" s="40">
        <v>530261</v>
      </c>
      <c r="E23" s="40">
        <v>288158</v>
      </c>
      <c r="F23" s="40">
        <v>234520</v>
      </c>
      <c r="G23" s="40">
        <v>7583</v>
      </c>
      <c r="H23" s="40">
        <v>491592</v>
      </c>
      <c r="I23" s="40">
        <v>250397</v>
      </c>
      <c r="J23" s="40">
        <v>235355</v>
      </c>
      <c r="K23" s="128">
        <v>5840</v>
      </c>
    </row>
    <row r="24" spans="1:11" ht="9.75" customHeight="1">
      <c r="A24" s="37"/>
      <c r="B24" s="108">
        <v>19</v>
      </c>
      <c r="C24" s="39"/>
      <c r="D24" s="40">
        <v>549582</v>
      </c>
      <c r="E24" s="40">
        <v>295703</v>
      </c>
      <c r="F24" s="40">
        <v>245735</v>
      </c>
      <c r="G24" s="40">
        <v>8144</v>
      </c>
      <c r="H24" s="40">
        <v>506684</v>
      </c>
      <c r="I24" s="40">
        <v>254470</v>
      </c>
      <c r="J24" s="40">
        <v>245271</v>
      </c>
      <c r="K24" s="128">
        <v>6943</v>
      </c>
    </row>
    <row r="25" spans="1:11" ht="9.75" customHeight="1">
      <c r="A25" s="37"/>
      <c r="B25" s="108">
        <v>18</v>
      </c>
      <c r="C25" s="39"/>
      <c r="D25" s="40">
        <v>543598</v>
      </c>
      <c r="E25" s="40">
        <v>287052</v>
      </c>
      <c r="F25" s="40">
        <v>248133</v>
      </c>
      <c r="G25" s="40">
        <v>8413</v>
      </c>
      <c r="H25" s="40">
        <v>517900</v>
      </c>
      <c r="I25" s="40">
        <v>262166</v>
      </c>
      <c r="J25" s="40">
        <v>247837</v>
      </c>
      <c r="K25" s="128">
        <v>7897</v>
      </c>
    </row>
    <row r="26" spans="1:11" ht="3.75" customHeight="1">
      <c r="A26" s="37"/>
      <c r="B26" s="108"/>
      <c r="C26" s="39"/>
      <c r="D26" s="40"/>
      <c r="E26" s="40"/>
      <c r="F26" s="40"/>
      <c r="G26" s="40"/>
      <c r="H26" s="40"/>
      <c r="I26" s="40"/>
      <c r="J26" s="40"/>
      <c r="K26" s="128"/>
    </row>
    <row r="27" spans="1:11" ht="9.75" customHeight="1">
      <c r="A27" s="44"/>
      <c r="B27" s="111" t="s">
        <v>20</v>
      </c>
      <c r="C27" s="46"/>
      <c r="D27" s="47">
        <v>568091</v>
      </c>
      <c r="E27" s="47">
        <v>287023</v>
      </c>
      <c r="F27" s="47">
        <v>250199</v>
      </c>
      <c r="G27" s="47">
        <v>30869</v>
      </c>
      <c r="H27" s="47">
        <v>533608</v>
      </c>
      <c r="I27" s="47">
        <v>258583</v>
      </c>
      <c r="J27" s="47">
        <v>250142</v>
      </c>
      <c r="K27" s="129">
        <v>24883</v>
      </c>
    </row>
    <row r="28" spans="1:11" ht="9.75" customHeight="1">
      <c r="A28" s="37"/>
      <c r="B28" s="108">
        <v>16</v>
      </c>
      <c r="C28" s="39"/>
      <c r="D28" s="40">
        <v>558651</v>
      </c>
      <c r="E28" s="40">
        <v>289320</v>
      </c>
      <c r="F28" s="40">
        <v>260373</v>
      </c>
      <c r="G28" s="40">
        <v>8958</v>
      </c>
      <c r="H28" s="40">
        <v>532687</v>
      </c>
      <c r="I28" s="40">
        <v>264053</v>
      </c>
      <c r="J28" s="40">
        <v>259985</v>
      </c>
      <c r="K28" s="128">
        <v>8649</v>
      </c>
    </row>
    <row r="29" spans="1:11" ht="9.75" customHeight="1">
      <c r="A29" s="37"/>
      <c r="B29" s="108">
        <v>15</v>
      </c>
      <c r="C29" s="39"/>
      <c r="D29" s="40">
        <v>574857</v>
      </c>
      <c r="E29" s="40">
        <v>297780</v>
      </c>
      <c r="F29" s="40">
        <v>268202</v>
      </c>
      <c r="G29" s="40">
        <v>8875</v>
      </c>
      <c r="H29" s="40">
        <v>543116</v>
      </c>
      <c r="I29" s="40">
        <v>266691</v>
      </c>
      <c r="J29" s="40">
        <v>267895</v>
      </c>
      <c r="K29" s="128">
        <v>8530</v>
      </c>
    </row>
    <row r="30" spans="1:11" ht="9.75" customHeight="1">
      <c r="A30" s="37"/>
      <c r="B30" s="108">
        <v>14</v>
      </c>
      <c r="C30" s="39"/>
      <c r="D30" s="40">
        <v>571871</v>
      </c>
      <c r="E30" s="40">
        <v>299871</v>
      </c>
      <c r="F30" s="40">
        <v>263201</v>
      </c>
      <c r="G30" s="40">
        <v>8799</v>
      </c>
      <c r="H30" s="40">
        <v>536760</v>
      </c>
      <c r="I30" s="40">
        <v>264764</v>
      </c>
      <c r="J30" s="40">
        <v>263120</v>
      </c>
      <c r="K30" s="128">
        <v>8876</v>
      </c>
    </row>
    <row r="31" spans="1:11" ht="9.75" customHeight="1">
      <c r="A31" s="37"/>
      <c r="B31" s="108">
        <v>13</v>
      </c>
      <c r="C31" s="39"/>
      <c r="D31" s="40">
        <v>583135</v>
      </c>
      <c r="E31" s="40">
        <v>302943</v>
      </c>
      <c r="F31" s="40">
        <v>270516</v>
      </c>
      <c r="G31" s="40">
        <v>9676</v>
      </c>
      <c r="H31" s="40">
        <v>542159</v>
      </c>
      <c r="I31" s="40">
        <v>264447</v>
      </c>
      <c r="J31" s="40">
        <v>268727</v>
      </c>
      <c r="K31" s="128">
        <v>8985</v>
      </c>
    </row>
    <row r="32" spans="1:11" ht="3.75" customHeight="1">
      <c r="A32" s="37"/>
      <c r="B32" s="108"/>
      <c r="C32" s="39"/>
      <c r="D32" s="40"/>
      <c r="E32" s="40"/>
      <c r="F32" s="40"/>
      <c r="G32" s="40"/>
      <c r="H32" s="40"/>
      <c r="I32" s="40"/>
      <c r="J32" s="40"/>
      <c r="K32" s="128"/>
    </row>
    <row r="33" spans="1:11" ht="9.75" customHeight="1">
      <c r="A33" s="44"/>
      <c r="B33" s="111" t="s">
        <v>21</v>
      </c>
      <c r="C33" s="46"/>
      <c r="D33" s="47">
        <v>591245</v>
      </c>
      <c r="E33" s="47">
        <v>295433</v>
      </c>
      <c r="F33" s="47">
        <v>272866</v>
      </c>
      <c r="G33" s="47">
        <v>22946</v>
      </c>
      <c r="H33" s="47">
        <v>567138</v>
      </c>
      <c r="I33" s="47">
        <v>271142</v>
      </c>
      <c r="J33" s="47">
        <v>272746</v>
      </c>
      <c r="K33" s="129">
        <v>23250</v>
      </c>
    </row>
    <row r="34" spans="1:11" ht="9.75" customHeight="1">
      <c r="A34" s="37"/>
      <c r="B34" s="108">
        <v>11</v>
      </c>
      <c r="C34" s="39"/>
      <c r="D34" s="40">
        <v>572124</v>
      </c>
      <c r="E34" s="40">
        <v>288677</v>
      </c>
      <c r="F34" s="40">
        <v>273476</v>
      </c>
      <c r="G34" s="40">
        <v>9971</v>
      </c>
      <c r="H34" s="40">
        <v>555694</v>
      </c>
      <c r="I34" s="40">
        <v>273315</v>
      </c>
      <c r="J34" s="40">
        <v>272713</v>
      </c>
      <c r="K34" s="128">
        <v>9666</v>
      </c>
    </row>
    <row r="35" spans="1:11" ht="9.75" customHeight="1">
      <c r="A35" s="37"/>
      <c r="B35" s="108">
        <v>10</v>
      </c>
      <c r="C35" s="39"/>
      <c r="D35" s="40">
        <v>574061</v>
      </c>
      <c r="E35" s="40">
        <v>296439</v>
      </c>
      <c r="F35" s="40">
        <v>267924</v>
      </c>
      <c r="G35" s="40">
        <v>9698</v>
      </c>
      <c r="H35" s="40">
        <v>551188</v>
      </c>
      <c r="I35" s="40">
        <v>274820</v>
      </c>
      <c r="J35" s="40">
        <v>267862</v>
      </c>
      <c r="K35" s="128">
        <v>8506</v>
      </c>
    </row>
    <row r="36" spans="1:11" ht="9.75" customHeight="1">
      <c r="A36" s="37"/>
      <c r="B36" s="108">
        <v>9</v>
      </c>
      <c r="C36" s="39"/>
      <c r="D36" s="40">
        <v>579491</v>
      </c>
      <c r="E36" s="40">
        <v>290805</v>
      </c>
      <c r="F36" s="40">
        <v>278709</v>
      </c>
      <c r="G36" s="40">
        <v>9977</v>
      </c>
      <c r="H36" s="40">
        <v>569355</v>
      </c>
      <c r="I36" s="40">
        <v>281724</v>
      </c>
      <c r="J36" s="40">
        <v>278382</v>
      </c>
      <c r="K36" s="128">
        <v>9249</v>
      </c>
    </row>
    <row r="37" spans="1:11" ht="9.75" customHeight="1">
      <c r="A37" s="37"/>
      <c r="B37" s="108">
        <v>8</v>
      </c>
      <c r="C37" s="39"/>
      <c r="D37" s="40">
        <v>590290</v>
      </c>
      <c r="E37" s="40">
        <v>288780</v>
      </c>
      <c r="F37" s="40">
        <v>291854</v>
      </c>
      <c r="G37" s="40">
        <v>9656</v>
      </c>
      <c r="H37" s="40">
        <v>584410</v>
      </c>
      <c r="I37" s="40">
        <v>284317</v>
      </c>
      <c r="J37" s="40">
        <v>291654</v>
      </c>
      <c r="K37" s="128">
        <v>8439</v>
      </c>
    </row>
    <row r="38" spans="1:11" ht="3.75" customHeight="1">
      <c r="A38" s="37"/>
      <c r="B38" s="108"/>
      <c r="C38" s="39"/>
      <c r="D38" s="40"/>
      <c r="E38" s="40"/>
      <c r="F38" s="40"/>
      <c r="G38" s="40"/>
      <c r="H38" s="40"/>
      <c r="I38" s="40"/>
      <c r="J38" s="40"/>
      <c r="K38" s="128"/>
    </row>
    <row r="39" spans="1:11" ht="9.75" customHeight="1">
      <c r="A39" s="44"/>
      <c r="B39" s="111" t="s">
        <v>22</v>
      </c>
      <c r="C39" s="46"/>
      <c r="D39" s="47">
        <v>598915</v>
      </c>
      <c r="E39" s="47">
        <v>292865</v>
      </c>
      <c r="F39" s="47">
        <v>289539</v>
      </c>
      <c r="G39" s="47">
        <v>16511</v>
      </c>
      <c r="H39" s="47">
        <v>620394</v>
      </c>
      <c r="I39" s="47">
        <v>296667</v>
      </c>
      <c r="J39" s="47">
        <v>289404</v>
      </c>
      <c r="K39" s="129">
        <v>34323</v>
      </c>
    </row>
    <row r="40" spans="1:11" ht="9.75" customHeight="1">
      <c r="A40" s="37"/>
      <c r="B40" s="108">
        <v>6</v>
      </c>
      <c r="C40" s="39"/>
      <c r="D40" s="40">
        <v>599910</v>
      </c>
      <c r="E40" s="40">
        <v>300458</v>
      </c>
      <c r="F40" s="40">
        <v>289764</v>
      </c>
      <c r="G40" s="40">
        <v>9688</v>
      </c>
      <c r="H40" s="40">
        <v>598188</v>
      </c>
      <c r="I40" s="40">
        <v>299738</v>
      </c>
      <c r="J40" s="40">
        <v>289907</v>
      </c>
      <c r="K40" s="128">
        <v>8543</v>
      </c>
    </row>
    <row r="41" spans="1:11" ht="9.75" customHeight="1">
      <c r="A41" s="37"/>
      <c r="B41" s="108">
        <v>5</v>
      </c>
      <c r="C41" s="39"/>
      <c r="D41" s="40">
        <v>597641</v>
      </c>
      <c r="E41" s="40">
        <v>311858</v>
      </c>
      <c r="F41" s="40">
        <v>274440</v>
      </c>
      <c r="G41" s="40">
        <v>11343</v>
      </c>
      <c r="H41" s="40">
        <v>585641</v>
      </c>
      <c r="I41" s="40">
        <v>301265</v>
      </c>
      <c r="J41" s="40">
        <v>274186</v>
      </c>
      <c r="K41" s="128">
        <v>10190</v>
      </c>
    </row>
    <row r="42" spans="1:11" ht="9.75" customHeight="1">
      <c r="A42" s="37"/>
      <c r="B42" s="108">
        <v>4</v>
      </c>
      <c r="C42" s="39"/>
      <c r="D42" s="40">
        <v>593602</v>
      </c>
      <c r="E42" s="40">
        <v>325927</v>
      </c>
      <c r="F42" s="40">
        <v>256613</v>
      </c>
      <c r="G42" s="40">
        <v>11062</v>
      </c>
      <c r="H42" s="40">
        <v>568327</v>
      </c>
      <c r="I42" s="40">
        <v>302113</v>
      </c>
      <c r="J42" s="40">
        <v>256228</v>
      </c>
      <c r="K42" s="128">
        <v>9986</v>
      </c>
    </row>
    <row r="43" spans="1:11" ht="9.75" customHeight="1">
      <c r="A43" s="37"/>
      <c r="B43" s="108">
        <v>3</v>
      </c>
      <c r="C43" s="39"/>
      <c r="D43" s="40">
        <v>596314</v>
      </c>
      <c r="E43" s="40">
        <v>332413</v>
      </c>
      <c r="F43" s="40">
        <v>247065</v>
      </c>
      <c r="G43" s="40">
        <v>16836</v>
      </c>
      <c r="H43" s="40">
        <v>551133</v>
      </c>
      <c r="I43" s="40">
        <v>290298</v>
      </c>
      <c r="J43" s="40">
        <v>245879</v>
      </c>
      <c r="K43" s="128">
        <v>14956</v>
      </c>
    </row>
    <row r="44" spans="1:11" ht="3.75" customHeight="1">
      <c r="A44" s="37"/>
      <c r="B44" s="108"/>
      <c r="C44" s="39"/>
      <c r="D44" s="40"/>
      <c r="E44" s="40"/>
      <c r="F44" s="40"/>
      <c r="G44" s="40"/>
      <c r="H44" s="40"/>
      <c r="I44" s="40"/>
      <c r="J44" s="40"/>
      <c r="K44" s="128"/>
    </row>
    <row r="45" spans="1:11" ht="9.75" customHeight="1">
      <c r="A45" s="44"/>
      <c r="B45" s="111" t="s">
        <v>23</v>
      </c>
      <c r="C45" s="46"/>
      <c r="D45" s="47">
        <v>611876</v>
      </c>
      <c r="E45" s="47">
        <v>338253</v>
      </c>
      <c r="F45" s="47">
        <v>257607</v>
      </c>
      <c r="G45" s="47">
        <v>16016</v>
      </c>
      <c r="H45" s="47">
        <v>563477</v>
      </c>
      <c r="I45" s="47">
        <v>282760</v>
      </c>
      <c r="J45" s="47">
        <v>257829</v>
      </c>
      <c r="K45" s="129">
        <v>22888</v>
      </c>
    </row>
    <row r="46" spans="1:11" ht="9.75" customHeight="1">
      <c r="A46" s="37"/>
      <c r="B46" s="108" t="s">
        <v>24</v>
      </c>
      <c r="C46" s="39"/>
      <c r="D46" s="40">
        <v>585529</v>
      </c>
      <c r="E46" s="40">
        <v>330799</v>
      </c>
      <c r="F46" s="40">
        <v>249728</v>
      </c>
      <c r="G46" s="40">
        <v>5002</v>
      </c>
      <c r="H46" s="40">
        <v>527593</v>
      </c>
      <c r="I46" s="40">
        <v>275182</v>
      </c>
      <c r="J46" s="40">
        <v>248368</v>
      </c>
      <c r="K46" s="128">
        <v>4043</v>
      </c>
    </row>
    <row r="47" spans="1:11" ht="9.75" customHeight="1">
      <c r="A47" s="37"/>
      <c r="B47" s="108" t="s">
        <v>25</v>
      </c>
      <c r="C47" s="39"/>
      <c r="D47" s="40">
        <v>568062</v>
      </c>
      <c r="E47" s="40">
        <v>321833</v>
      </c>
      <c r="F47" s="40">
        <v>241225</v>
      </c>
      <c r="G47" s="40">
        <v>5004</v>
      </c>
      <c r="H47" s="40">
        <v>506369</v>
      </c>
      <c r="I47" s="40">
        <v>262268</v>
      </c>
      <c r="J47" s="40">
        <v>240161</v>
      </c>
      <c r="K47" s="128">
        <v>3940</v>
      </c>
    </row>
    <row r="48" spans="1:11" ht="9.75" customHeight="1">
      <c r="A48" s="37"/>
      <c r="B48" s="108">
        <v>62</v>
      </c>
      <c r="C48" s="39"/>
      <c r="D48" s="40">
        <v>579558</v>
      </c>
      <c r="E48" s="40">
        <v>330722</v>
      </c>
      <c r="F48" s="40">
        <v>244002</v>
      </c>
      <c r="G48" s="40">
        <v>4834</v>
      </c>
      <c r="H48" s="40">
        <v>499323</v>
      </c>
      <c r="I48" s="40">
        <v>250839</v>
      </c>
      <c r="J48" s="40">
        <v>243009</v>
      </c>
      <c r="K48" s="128">
        <v>5475</v>
      </c>
    </row>
    <row r="49" spans="1:21" ht="9.75" customHeight="1">
      <c r="A49" s="37"/>
      <c r="B49" s="108">
        <v>61</v>
      </c>
      <c r="C49" s="39"/>
      <c r="D49" s="40">
        <v>559606</v>
      </c>
      <c r="E49" s="40">
        <v>314830</v>
      </c>
      <c r="F49" s="40">
        <v>239601</v>
      </c>
      <c r="G49" s="40">
        <v>5175</v>
      </c>
      <c r="H49" s="40">
        <v>488702</v>
      </c>
      <c r="I49" s="40">
        <v>243877</v>
      </c>
      <c r="J49" s="40">
        <v>239060</v>
      </c>
      <c r="K49" s="128">
        <v>5765</v>
      </c>
    </row>
    <row r="50" spans="1:21" ht="3.75" customHeight="1">
      <c r="A50" s="37"/>
      <c r="B50" s="108"/>
      <c r="C50" s="39"/>
      <c r="D50" s="40"/>
      <c r="E50" s="40"/>
      <c r="F50" s="40"/>
      <c r="G50" s="40"/>
      <c r="H50" s="40"/>
      <c r="I50" s="40"/>
      <c r="J50" s="40"/>
      <c r="K50" s="128"/>
    </row>
    <row r="51" spans="1:21" ht="9.75" customHeight="1">
      <c r="A51" s="44"/>
      <c r="B51" s="111" t="s">
        <v>26</v>
      </c>
      <c r="C51" s="46"/>
      <c r="D51" s="47">
        <v>545369</v>
      </c>
      <c r="E51" s="47">
        <v>295339</v>
      </c>
      <c r="F51" s="47">
        <v>232391</v>
      </c>
      <c r="G51" s="47">
        <v>17639</v>
      </c>
      <c r="H51" s="47">
        <v>495692</v>
      </c>
      <c r="I51" s="47">
        <v>245842</v>
      </c>
      <c r="J51" s="47">
        <v>232202</v>
      </c>
      <c r="K51" s="129">
        <v>17648</v>
      </c>
    </row>
    <row r="52" spans="1:21" ht="9.75" customHeight="1">
      <c r="A52" s="37"/>
      <c r="B52" s="108">
        <v>59</v>
      </c>
      <c r="C52" s="39"/>
      <c r="D52" s="40">
        <v>529376</v>
      </c>
      <c r="E52" s="40">
        <v>288534</v>
      </c>
      <c r="F52" s="40">
        <v>235049</v>
      </c>
      <c r="G52" s="40">
        <v>5793</v>
      </c>
      <c r="H52" s="40">
        <v>483933</v>
      </c>
      <c r="I52" s="40">
        <v>244380</v>
      </c>
      <c r="J52" s="40">
        <v>233493</v>
      </c>
      <c r="K52" s="128">
        <v>6060</v>
      </c>
    </row>
    <row r="53" spans="1:21" ht="9.75" customHeight="1">
      <c r="A53" s="37"/>
      <c r="B53" s="108">
        <v>58</v>
      </c>
      <c r="C53" s="39"/>
      <c r="D53" s="40">
        <v>530510</v>
      </c>
      <c r="E53" s="40">
        <v>287993</v>
      </c>
      <c r="F53" s="40">
        <v>238239</v>
      </c>
      <c r="G53" s="40">
        <v>4278</v>
      </c>
      <c r="H53" s="40">
        <v>488327</v>
      </c>
      <c r="I53" s="40">
        <v>245725</v>
      </c>
      <c r="J53" s="40">
        <v>237126</v>
      </c>
      <c r="K53" s="128">
        <v>5476</v>
      </c>
    </row>
    <row r="54" spans="1:21" ht="9.75" customHeight="1">
      <c r="A54" s="37"/>
      <c r="B54" s="108">
        <v>57</v>
      </c>
      <c r="C54" s="39"/>
      <c r="D54" s="40">
        <v>542446</v>
      </c>
      <c r="E54" s="40">
        <v>293527</v>
      </c>
      <c r="F54" s="40">
        <v>244652</v>
      </c>
      <c r="G54" s="40">
        <v>4267</v>
      </c>
      <c r="H54" s="40">
        <v>499302</v>
      </c>
      <c r="I54" s="40">
        <v>251341</v>
      </c>
      <c r="J54" s="40">
        <v>243678</v>
      </c>
      <c r="K54" s="128">
        <v>4283</v>
      </c>
    </row>
    <row r="55" spans="1:21" ht="9.75" customHeight="1">
      <c r="A55" s="37"/>
      <c r="B55" s="108">
        <v>56</v>
      </c>
      <c r="C55" s="39"/>
      <c r="D55" s="40">
        <v>540831</v>
      </c>
      <c r="E55" s="40">
        <v>291580</v>
      </c>
      <c r="F55" s="40">
        <v>245058</v>
      </c>
      <c r="G55" s="40">
        <v>4193</v>
      </c>
      <c r="H55" s="40">
        <v>501972</v>
      </c>
      <c r="I55" s="40">
        <v>253476</v>
      </c>
      <c r="J55" s="40">
        <v>243898</v>
      </c>
      <c r="K55" s="128">
        <v>4598</v>
      </c>
    </row>
    <row r="56" spans="1:21" ht="3.75" customHeight="1">
      <c r="A56" s="37"/>
      <c r="B56" s="108"/>
      <c r="C56" s="39"/>
      <c r="D56" s="40"/>
      <c r="E56" s="40"/>
      <c r="F56" s="40"/>
      <c r="G56" s="40"/>
      <c r="H56" s="40"/>
      <c r="I56" s="40"/>
      <c r="J56" s="40"/>
      <c r="K56" s="128"/>
    </row>
    <row r="57" spans="1:21" s="70" customFormat="1" ht="9.75" customHeight="1">
      <c r="A57" s="44"/>
      <c r="B57" s="111" t="s">
        <v>27</v>
      </c>
      <c r="C57" s="46"/>
      <c r="D57" s="47">
        <v>549403</v>
      </c>
      <c r="E57" s="47">
        <v>287154</v>
      </c>
      <c r="F57" s="47">
        <v>256153</v>
      </c>
      <c r="G57" s="47">
        <v>6096</v>
      </c>
      <c r="H57" s="47">
        <v>527509</v>
      </c>
      <c r="I57" s="47">
        <v>258875</v>
      </c>
      <c r="J57" s="47">
        <v>255151</v>
      </c>
      <c r="K57" s="129">
        <v>13483</v>
      </c>
      <c r="S57"/>
      <c r="T57"/>
      <c r="U57"/>
    </row>
    <row r="58" spans="1:21" s="70" customFormat="1" ht="9.75" customHeight="1">
      <c r="A58" s="37"/>
      <c r="B58" s="108">
        <v>54</v>
      </c>
      <c r="C58" s="39"/>
      <c r="D58" s="40">
        <v>572868</v>
      </c>
      <c r="E58" s="40">
        <v>299420</v>
      </c>
      <c r="F58" s="40">
        <v>267920</v>
      </c>
      <c r="G58" s="40">
        <v>5528</v>
      </c>
      <c r="H58" s="40">
        <v>547040</v>
      </c>
      <c r="I58" s="40">
        <v>266247</v>
      </c>
      <c r="J58" s="40">
        <v>265230</v>
      </c>
      <c r="K58" s="128">
        <v>15563</v>
      </c>
      <c r="S58"/>
      <c r="T58"/>
      <c r="U58"/>
    </row>
    <row r="59" spans="1:21" s="70" customFormat="1" ht="9.75" customHeight="1">
      <c r="A59" s="37"/>
      <c r="B59" s="108">
        <v>53</v>
      </c>
      <c r="C59" s="39"/>
      <c r="D59" s="40">
        <v>577221</v>
      </c>
      <c r="E59" s="40">
        <v>301226</v>
      </c>
      <c r="F59" s="40">
        <v>269933</v>
      </c>
      <c r="G59" s="40">
        <v>6062</v>
      </c>
      <c r="H59" s="40">
        <v>540913</v>
      </c>
      <c r="I59" s="40">
        <v>259456</v>
      </c>
      <c r="J59" s="40">
        <v>268147</v>
      </c>
      <c r="K59" s="128">
        <v>13310</v>
      </c>
      <c r="S59"/>
      <c r="T59"/>
      <c r="U59"/>
    </row>
    <row r="60" spans="1:21" s="70" customFormat="1" ht="9.75" customHeight="1">
      <c r="A60" s="37"/>
      <c r="B60" s="108">
        <v>52</v>
      </c>
      <c r="C60" s="39"/>
      <c r="D60" s="40">
        <v>580079</v>
      </c>
      <c r="E60" s="40">
        <v>303770</v>
      </c>
      <c r="F60" s="40">
        <v>269522</v>
      </c>
      <c r="G60" s="40">
        <v>6787</v>
      </c>
      <c r="H60" s="40">
        <v>549391</v>
      </c>
      <c r="I60" s="40">
        <v>267098</v>
      </c>
      <c r="J60" s="40">
        <v>267034</v>
      </c>
      <c r="K60" s="128">
        <v>15259</v>
      </c>
      <c r="S60"/>
      <c r="T60"/>
      <c r="U60"/>
    </row>
    <row r="61" spans="1:21" s="70" customFormat="1" ht="3.75" customHeight="1" thickBot="1">
      <c r="A61" s="130"/>
      <c r="B61" s="131"/>
      <c r="C61" s="52"/>
      <c r="D61" s="114"/>
      <c r="E61" s="114"/>
      <c r="F61" s="114"/>
      <c r="G61" s="114"/>
      <c r="H61" s="114"/>
      <c r="I61" s="114"/>
      <c r="J61" s="114"/>
      <c r="K61" s="132"/>
      <c r="S61"/>
      <c r="T61"/>
      <c r="U61"/>
    </row>
    <row r="62" spans="1:21" s="134" customFormat="1" ht="13.5" customHeight="1">
      <c r="A62" s="133" t="s">
        <v>53</v>
      </c>
      <c r="B62" s="133"/>
      <c r="C62" s="133"/>
      <c r="D62" s="133"/>
      <c r="E62" s="133"/>
      <c r="F62" s="133"/>
      <c r="G62" s="133"/>
      <c r="H62" s="133"/>
      <c r="I62" s="133"/>
      <c r="J62" s="133"/>
      <c r="K62" s="133"/>
    </row>
  </sheetData>
  <mergeCells count="6">
    <mergeCell ref="A1:K1"/>
    <mergeCell ref="A2:C2"/>
    <mergeCell ref="A3:C4"/>
    <mergeCell ref="D3:G3"/>
    <mergeCell ref="H3:K3"/>
    <mergeCell ref="A62:K62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9"/>
  <sheetViews>
    <sheetView view="pageBreakPreview" zoomScale="110" zoomScaleNormal="115" zoomScaleSheetLayoutView="110" workbookViewId="0">
      <selection activeCell="K1" sqref="K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1" width="8.75" style="70" customWidth="1"/>
    <col min="12" max="18" width="6.875" style="70" customWidth="1"/>
  </cols>
  <sheetData>
    <row r="1" spans="1:11" ht="17.25" customHeight="1">
      <c r="A1" s="76" t="s">
        <v>54</v>
      </c>
      <c r="B1" s="76"/>
      <c r="C1" s="76"/>
      <c r="D1" s="76"/>
      <c r="E1" s="76"/>
      <c r="F1" s="76"/>
      <c r="G1" s="76"/>
      <c r="H1" s="76"/>
      <c r="I1" s="76"/>
      <c r="J1" s="76"/>
      <c r="K1" s="135"/>
    </row>
    <row r="2" spans="1:11" ht="13.5" customHeight="1" thickBot="1">
      <c r="A2" s="77" t="s">
        <v>55</v>
      </c>
      <c r="B2" s="77"/>
      <c r="C2" s="77"/>
      <c r="I2" s="136" t="s">
        <v>56</v>
      </c>
      <c r="J2" s="136"/>
      <c r="K2" s="2"/>
    </row>
    <row r="3" spans="1:11" ht="13.5" customHeight="1">
      <c r="A3" s="78" t="s">
        <v>57</v>
      </c>
      <c r="B3" s="79"/>
      <c r="C3" s="79"/>
      <c r="D3" s="84" t="s">
        <v>58</v>
      </c>
      <c r="E3" s="87" t="s">
        <v>7</v>
      </c>
      <c r="F3" s="137"/>
      <c r="G3" s="138"/>
      <c r="H3" s="87" t="s">
        <v>8</v>
      </c>
      <c r="I3" s="137"/>
      <c r="J3" s="139"/>
      <c r="K3" s="140"/>
    </row>
    <row r="4" spans="1:11" ht="13.5" customHeight="1">
      <c r="A4" s="82"/>
      <c r="B4" s="83"/>
      <c r="C4" s="83"/>
      <c r="D4" s="86"/>
      <c r="E4" s="73"/>
      <c r="F4" s="74" t="s">
        <v>37</v>
      </c>
      <c r="G4" s="74" t="s">
        <v>38</v>
      </c>
      <c r="H4" s="73"/>
      <c r="I4" s="74" t="s">
        <v>39</v>
      </c>
      <c r="J4" s="121" t="s">
        <v>40</v>
      </c>
      <c r="K4" s="72"/>
    </row>
    <row r="5" spans="1:11" ht="10.5" customHeight="1">
      <c r="A5" s="8"/>
      <c r="B5" s="39"/>
      <c r="C5" s="3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41" t="s">
        <v>10</v>
      </c>
    </row>
    <row r="6" spans="1:11" ht="9.75" customHeight="1">
      <c r="A6" s="142"/>
      <c r="B6" s="143" t="s">
        <v>59</v>
      </c>
      <c r="C6" s="16"/>
      <c r="D6" s="102">
        <v>-3276</v>
      </c>
      <c r="E6" s="102">
        <v>-40970</v>
      </c>
      <c r="F6" s="102">
        <v>58118</v>
      </c>
      <c r="G6" s="102">
        <v>99088</v>
      </c>
      <c r="H6" s="102">
        <v>37694</v>
      </c>
      <c r="I6" s="102">
        <v>505665</v>
      </c>
      <c r="J6" s="144">
        <v>467971</v>
      </c>
    </row>
    <row r="7" spans="1:11" ht="9.75" customHeight="1">
      <c r="A7" s="8"/>
      <c r="B7" s="72" t="s">
        <v>60</v>
      </c>
      <c r="C7" s="39"/>
      <c r="D7" s="40">
        <v>-6215</v>
      </c>
      <c r="E7" s="40">
        <v>-4551</v>
      </c>
      <c r="F7" s="40">
        <v>5000</v>
      </c>
      <c r="G7" s="40">
        <v>9551</v>
      </c>
      <c r="H7" s="40">
        <v>-1664</v>
      </c>
      <c r="I7" s="40">
        <v>30443</v>
      </c>
      <c r="J7" s="145">
        <v>32107</v>
      </c>
    </row>
    <row r="8" spans="1:11" ht="9.75" customHeight="1">
      <c r="A8" s="8"/>
      <c r="B8" s="72" t="s">
        <v>61</v>
      </c>
      <c r="C8" s="39"/>
      <c r="D8" s="40">
        <v>-5925</v>
      </c>
      <c r="E8" s="40">
        <v>-4183</v>
      </c>
      <c r="F8" s="40">
        <v>4324</v>
      </c>
      <c r="G8" s="40">
        <v>8507</v>
      </c>
      <c r="H8" s="40">
        <v>-1742</v>
      </c>
      <c r="I8" s="40">
        <v>33256</v>
      </c>
      <c r="J8" s="145">
        <v>34998</v>
      </c>
    </row>
    <row r="9" spans="1:11" ht="9.75" customHeight="1">
      <c r="A9" s="8"/>
      <c r="B9" s="72" t="s">
        <v>62</v>
      </c>
      <c r="C9" s="39"/>
      <c r="D9" s="40">
        <v>2092</v>
      </c>
      <c r="E9" s="40">
        <v>-4464</v>
      </c>
      <c r="F9" s="40">
        <v>4702</v>
      </c>
      <c r="G9" s="40">
        <v>9166</v>
      </c>
      <c r="H9" s="40">
        <v>6556</v>
      </c>
      <c r="I9" s="40">
        <v>82793</v>
      </c>
      <c r="J9" s="145">
        <v>76237</v>
      </c>
    </row>
    <row r="10" spans="1:11" ht="9.75" customHeight="1">
      <c r="A10" s="8"/>
      <c r="B10" s="72" t="s">
        <v>63</v>
      </c>
      <c r="C10" s="39"/>
      <c r="D10" s="40">
        <v>13043</v>
      </c>
      <c r="E10" s="40">
        <v>-3253</v>
      </c>
      <c r="F10" s="40">
        <v>4258</v>
      </c>
      <c r="G10" s="40">
        <v>7511</v>
      </c>
      <c r="H10" s="40">
        <v>16296</v>
      </c>
      <c r="I10" s="40">
        <v>58574</v>
      </c>
      <c r="J10" s="145">
        <v>42278</v>
      </c>
    </row>
    <row r="11" spans="1:11" ht="9.75" customHeight="1">
      <c r="A11" s="8"/>
      <c r="B11" s="72" t="s">
        <v>64</v>
      </c>
      <c r="C11" s="39"/>
      <c r="D11" s="40">
        <v>3652</v>
      </c>
      <c r="E11" s="40">
        <v>-3039</v>
      </c>
      <c r="F11" s="40">
        <v>4809</v>
      </c>
      <c r="G11" s="40">
        <v>7848</v>
      </c>
      <c r="H11" s="40">
        <v>6691</v>
      </c>
      <c r="I11" s="40">
        <v>43112</v>
      </c>
      <c r="J11" s="145">
        <v>36421</v>
      </c>
    </row>
    <row r="12" spans="1:11" ht="9.75" customHeight="1">
      <c r="A12" s="8"/>
      <c r="B12" s="72" t="s">
        <v>65</v>
      </c>
      <c r="C12" s="39"/>
      <c r="D12" s="40">
        <v>-701</v>
      </c>
      <c r="E12" s="40">
        <v>-2221</v>
      </c>
      <c r="F12" s="40">
        <v>4859</v>
      </c>
      <c r="G12" s="40">
        <v>7080</v>
      </c>
      <c r="H12" s="40">
        <v>1520</v>
      </c>
      <c r="I12" s="40">
        <v>38303</v>
      </c>
      <c r="J12" s="145">
        <v>36783</v>
      </c>
    </row>
    <row r="13" spans="1:11" ht="9.75" customHeight="1">
      <c r="A13" s="8"/>
      <c r="B13" s="72" t="s">
        <v>66</v>
      </c>
      <c r="C13" s="39"/>
      <c r="D13" s="40">
        <v>-1594</v>
      </c>
      <c r="E13" s="40">
        <v>-2363</v>
      </c>
      <c r="F13" s="40">
        <v>4742</v>
      </c>
      <c r="G13" s="40">
        <v>7105</v>
      </c>
      <c r="H13" s="40">
        <v>769</v>
      </c>
      <c r="I13" s="40">
        <v>36625</v>
      </c>
      <c r="J13" s="145">
        <v>35856</v>
      </c>
    </row>
    <row r="14" spans="1:11" ht="9.75" customHeight="1">
      <c r="A14" s="8"/>
      <c r="B14" s="72" t="s">
        <v>67</v>
      </c>
      <c r="C14" s="39"/>
      <c r="D14" s="40">
        <v>-1205</v>
      </c>
      <c r="E14" s="40">
        <v>-3107</v>
      </c>
      <c r="F14" s="40">
        <v>5695</v>
      </c>
      <c r="G14" s="40">
        <v>8802</v>
      </c>
      <c r="H14" s="40">
        <v>1902</v>
      </c>
      <c r="I14" s="40">
        <v>39791</v>
      </c>
      <c r="J14" s="145">
        <v>37889</v>
      </c>
    </row>
    <row r="15" spans="1:11" ht="9.75" customHeight="1">
      <c r="A15" s="8"/>
      <c r="B15" s="72" t="s">
        <v>68</v>
      </c>
      <c r="C15" s="39"/>
      <c r="D15" s="40">
        <v>-1530</v>
      </c>
      <c r="E15" s="40">
        <v>-2828</v>
      </c>
      <c r="F15" s="40">
        <v>5307</v>
      </c>
      <c r="G15" s="40">
        <v>8135</v>
      </c>
      <c r="H15" s="40">
        <v>1298</v>
      </c>
      <c r="I15" s="40">
        <v>36652</v>
      </c>
      <c r="J15" s="145">
        <v>35354</v>
      </c>
    </row>
    <row r="16" spans="1:11" ht="9.75" customHeight="1">
      <c r="A16" s="8"/>
      <c r="B16" s="72" t="s">
        <v>69</v>
      </c>
      <c r="C16" s="39"/>
      <c r="D16" s="40">
        <v>698</v>
      </c>
      <c r="E16" s="40">
        <v>-3056</v>
      </c>
      <c r="F16" s="40">
        <v>5147</v>
      </c>
      <c r="G16" s="40">
        <v>8203</v>
      </c>
      <c r="H16" s="40">
        <v>3754</v>
      </c>
      <c r="I16" s="40">
        <v>36993</v>
      </c>
      <c r="J16" s="145">
        <v>33239</v>
      </c>
    </row>
    <row r="17" spans="1:11" ht="9.75" customHeight="1">
      <c r="A17" s="8"/>
      <c r="B17" s="72" t="s">
        <v>70</v>
      </c>
      <c r="C17" s="39"/>
      <c r="D17" s="40">
        <v>-1387</v>
      </c>
      <c r="E17" s="40">
        <v>-3397</v>
      </c>
      <c r="F17" s="40">
        <v>4897</v>
      </c>
      <c r="G17" s="40">
        <v>8294</v>
      </c>
      <c r="H17" s="40">
        <v>2010</v>
      </c>
      <c r="I17" s="40">
        <v>34661</v>
      </c>
      <c r="J17" s="145">
        <v>32651</v>
      </c>
    </row>
    <row r="18" spans="1:11" ht="9.75" customHeight="1" thickBot="1">
      <c r="A18" s="51"/>
      <c r="B18" s="146" t="s">
        <v>71</v>
      </c>
      <c r="C18" s="52"/>
      <c r="D18" s="53">
        <v>-4204</v>
      </c>
      <c r="E18" s="53">
        <v>-4508</v>
      </c>
      <c r="F18" s="53">
        <v>4378</v>
      </c>
      <c r="G18" s="53">
        <v>8886</v>
      </c>
      <c r="H18" s="53">
        <v>304</v>
      </c>
      <c r="I18" s="53">
        <v>34462</v>
      </c>
      <c r="J18" s="147">
        <v>34158</v>
      </c>
      <c r="K18" s="8"/>
    </row>
    <row r="19" spans="1:11" s="58" customFormat="1" ht="13.5" customHeight="1">
      <c r="A19" s="117" t="s">
        <v>72</v>
      </c>
      <c r="B19" s="117"/>
      <c r="C19" s="117"/>
      <c r="D19" s="117"/>
      <c r="E19" s="117"/>
      <c r="F19" s="117"/>
      <c r="G19" s="117"/>
      <c r="H19" s="117"/>
      <c r="I19" s="117"/>
      <c r="J19" s="117"/>
      <c r="K19" s="117"/>
    </row>
  </sheetData>
  <mergeCells count="8">
    <mergeCell ref="A19:K19"/>
    <mergeCell ref="A1:J1"/>
    <mergeCell ref="A2:C2"/>
    <mergeCell ref="I2:J2"/>
    <mergeCell ref="A3:C4"/>
    <mergeCell ref="D3:D4"/>
    <mergeCell ref="E3:G3"/>
    <mergeCell ref="H3:J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3"/>
  <sheetViews>
    <sheetView view="pageBreakPreview" zoomScaleNormal="115" zoomScaleSheetLayoutView="100" workbookViewId="0">
      <selection activeCell="S1" sqref="S1"/>
    </sheetView>
  </sheetViews>
  <sheetFormatPr defaultRowHeight="14.25"/>
  <cols>
    <col min="1" max="1" width="1.375" style="70" customWidth="1"/>
    <col min="2" max="2" width="7.5" style="70" customWidth="1"/>
    <col min="3" max="3" width="1.375" style="70" customWidth="1"/>
    <col min="4" max="15" width="11.75" style="70" customWidth="1"/>
    <col min="16" max="16" width="1.25" style="70" customWidth="1"/>
    <col min="17" max="17" width="7.5" style="70" customWidth="1"/>
    <col min="18" max="18" width="1.25" style="70" customWidth="1"/>
  </cols>
  <sheetData>
    <row r="1" spans="1:20" ht="18.75" customHeight="1">
      <c r="C1" s="148"/>
      <c r="D1" s="149" t="s">
        <v>73</v>
      </c>
      <c r="E1" s="149"/>
      <c r="F1" s="149"/>
      <c r="G1" s="149"/>
      <c r="H1" s="149"/>
      <c r="I1" s="149"/>
      <c r="J1" s="148"/>
      <c r="K1" s="148"/>
      <c r="L1" s="148"/>
      <c r="M1" s="148"/>
      <c r="N1" s="148"/>
      <c r="O1" s="148"/>
      <c r="P1" s="39"/>
      <c r="Q1" s="150"/>
      <c r="R1" s="148"/>
    </row>
    <row r="2" spans="1:20" ht="15" customHeight="1" thickBot="1">
      <c r="A2" s="77" t="s">
        <v>74</v>
      </c>
      <c r="B2" s="77"/>
      <c r="C2" s="77"/>
      <c r="J2" s="151"/>
      <c r="K2" s="151"/>
      <c r="L2" s="151"/>
      <c r="M2" s="151"/>
      <c r="N2" s="151"/>
      <c r="O2" s="151"/>
      <c r="P2" s="152" t="s">
        <v>75</v>
      </c>
      <c r="Q2" s="152"/>
      <c r="R2" s="152"/>
    </row>
    <row r="3" spans="1:20" ht="15" customHeight="1">
      <c r="A3" s="153" t="s">
        <v>76</v>
      </c>
      <c r="B3" s="154"/>
      <c r="C3" s="154"/>
      <c r="D3" s="155" t="s">
        <v>77</v>
      </c>
      <c r="E3" s="155" t="s">
        <v>78</v>
      </c>
      <c r="F3" s="155" t="s">
        <v>79</v>
      </c>
      <c r="G3" s="155" t="s">
        <v>80</v>
      </c>
      <c r="H3" s="155" t="s">
        <v>81</v>
      </c>
      <c r="I3" s="156" t="s">
        <v>82</v>
      </c>
      <c r="J3" s="155" t="s">
        <v>83</v>
      </c>
      <c r="K3" s="155" t="s">
        <v>84</v>
      </c>
      <c r="L3" s="155" t="s">
        <v>85</v>
      </c>
      <c r="M3" s="155" t="s">
        <v>86</v>
      </c>
      <c r="N3" s="155" t="s">
        <v>87</v>
      </c>
      <c r="O3" s="155" t="s">
        <v>88</v>
      </c>
      <c r="P3" s="157" t="s">
        <v>76</v>
      </c>
      <c r="Q3" s="154"/>
      <c r="R3" s="158"/>
    </row>
    <row r="4" spans="1:20" ht="6.75" customHeight="1">
      <c r="A4" s="8"/>
      <c r="B4" s="39"/>
      <c r="C4" s="39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59"/>
      <c r="P4" s="160"/>
      <c r="Q4" s="39"/>
      <c r="R4" s="161"/>
    </row>
    <row r="5" spans="1:20" ht="12" customHeight="1">
      <c r="A5" s="101"/>
      <c r="B5" s="15" t="s">
        <v>41</v>
      </c>
      <c r="C5" s="16"/>
      <c r="D5" s="102">
        <v>9231177</v>
      </c>
      <c r="E5" s="102">
        <v>9224962</v>
      </c>
      <c r="F5" s="102">
        <v>9219037</v>
      </c>
      <c r="G5" s="102">
        <v>9221129</v>
      </c>
      <c r="H5" s="102">
        <v>9234172</v>
      </c>
      <c r="I5" s="102">
        <v>9237824</v>
      </c>
      <c r="J5" s="102">
        <v>9237123</v>
      </c>
      <c r="K5" s="102">
        <v>9235529</v>
      </c>
      <c r="L5" s="102">
        <v>9234324</v>
      </c>
      <c r="M5" s="102">
        <v>9232794</v>
      </c>
      <c r="N5" s="102">
        <v>9233492</v>
      </c>
      <c r="O5" s="162">
        <v>9232105</v>
      </c>
      <c r="P5" s="163"/>
      <c r="Q5" s="15" t="s">
        <v>41</v>
      </c>
      <c r="R5" s="164"/>
    </row>
    <row r="6" spans="1:20" s="29" customFormat="1" ht="12" customHeight="1">
      <c r="A6" s="31"/>
      <c r="B6" s="105">
        <v>3</v>
      </c>
      <c r="C6" s="32"/>
      <c r="D6" s="33">
        <v>9236337</v>
      </c>
      <c r="E6" s="33">
        <v>9231822</v>
      </c>
      <c r="F6" s="33">
        <v>9227745</v>
      </c>
      <c r="G6" s="33">
        <v>9232623</v>
      </c>
      <c r="H6" s="33">
        <v>9243550</v>
      </c>
      <c r="I6" s="33">
        <v>9243355</v>
      </c>
      <c r="J6" s="33">
        <v>9241927</v>
      </c>
      <c r="K6" s="33">
        <v>9239954</v>
      </c>
      <c r="L6" s="33">
        <v>9239650</v>
      </c>
      <c r="M6" s="33">
        <v>9236428</v>
      </c>
      <c r="N6" s="33">
        <v>9235158</v>
      </c>
      <c r="O6" s="165">
        <v>9233647</v>
      </c>
      <c r="P6" s="166"/>
      <c r="Q6" s="105">
        <v>3</v>
      </c>
      <c r="R6" s="167"/>
      <c r="S6" s="30"/>
      <c r="T6" s="30"/>
    </row>
    <row r="7" spans="1:20" s="29" customFormat="1" ht="6.75" customHeight="1">
      <c r="A7" s="31"/>
      <c r="B7" s="105"/>
      <c r="C7" s="32"/>
      <c r="D7" s="33"/>
      <c r="E7" s="33"/>
      <c r="F7" s="33"/>
      <c r="G7" s="33"/>
      <c r="H7" s="33"/>
      <c r="I7" s="33"/>
      <c r="J7" s="33"/>
      <c r="K7" s="33"/>
      <c r="L7" s="33"/>
      <c r="M7" s="33"/>
      <c r="N7" s="33"/>
      <c r="O7" s="165"/>
      <c r="P7" s="166"/>
      <c r="Q7" s="105"/>
      <c r="R7" s="167"/>
      <c r="S7" s="30"/>
      <c r="T7" s="30"/>
    </row>
    <row r="8" spans="1:20" ht="12" customHeight="1">
      <c r="A8" s="44"/>
      <c r="B8" s="111" t="s">
        <v>16</v>
      </c>
      <c r="C8" s="46"/>
      <c r="D8" s="47">
        <v>9201825</v>
      </c>
      <c r="E8" s="47">
        <v>9198646</v>
      </c>
      <c r="F8" s="47">
        <v>9196411</v>
      </c>
      <c r="G8" s="47">
        <v>9204965</v>
      </c>
      <c r="H8" s="47">
        <v>9222618</v>
      </c>
      <c r="I8" s="47">
        <v>9222162</v>
      </c>
      <c r="J8" s="47">
        <v>9219863</v>
      </c>
      <c r="K8" s="47">
        <v>9217098</v>
      </c>
      <c r="L8" s="47">
        <v>9216009</v>
      </c>
      <c r="M8" s="47">
        <v>9237337</v>
      </c>
      <c r="N8" s="47">
        <v>9236126</v>
      </c>
      <c r="O8" s="168">
        <v>9236593</v>
      </c>
      <c r="P8" s="169"/>
      <c r="Q8" s="111" t="s">
        <v>16</v>
      </c>
      <c r="R8" s="170"/>
    </row>
    <row r="9" spans="1:20" ht="12" customHeight="1">
      <c r="A9" s="37"/>
      <c r="B9" s="108" t="s">
        <v>17</v>
      </c>
      <c r="C9" s="171"/>
      <c r="D9" s="40">
        <v>9181625</v>
      </c>
      <c r="E9" s="40">
        <v>9178503</v>
      </c>
      <c r="F9" s="40">
        <v>9175042</v>
      </c>
      <c r="G9" s="40">
        <v>9180510</v>
      </c>
      <c r="H9" s="40">
        <v>9197925</v>
      </c>
      <c r="I9" s="40">
        <v>9199871</v>
      </c>
      <c r="J9" s="40">
        <v>9199590</v>
      </c>
      <c r="K9" s="40">
        <v>9199389</v>
      </c>
      <c r="L9" s="40">
        <v>9199037</v>
      </c>
      <c r="M9" s="40">
        <v>9200166</v>
      </c>
      <c r="N9" s="40">
        <v>9203069</v>
      </c>
      <c r="O9" s="172">
        <v>9202523</v>
      </c>
      <c r="P9" s="173"/>
      <c r="Q9" s="108" t="s">
        <v>17</v>
      </c>
      <c r="R9" s="174"/>
    </row>
    <row r="10" spans="1:20" ht="12" customHeight="1">
      <c r="A10" s="37"/>
      <c r="B10" s="108">
        <v>30</v>
      </c>
      <c r="C10" s="171"/>
      <c r="D10" s="40">
        <v>9163279</v>
      </c>
      <c r="E10" s="40">
        <v>9160412</v>
      </c>
      <c r="F10" s="40">
        <v>9157211</v>
      </c>
      <c r="G10" s="40">
        <v>9161113</v>
      </c>
      <c r="H10" s="40">
        <v>9177834</v>
      </c>
      <c r="I10" s="40">
        <v>9180700</v>
      </c>
      <c r="J10" s="40">
        <v>9181389</v>
      </c>
      <c r="K10" s="40">
        <v>9180457</v>
      </c>
      <c r="L10" s="40">
        <v>9179666</v>
      </c>
      <c r="M10" s="40">
        <v>9179835</v>
      </c>
      <c r="N10" s="40">
        <v>9183257</v>
      </c>
      <c r="O10" s="172">
        <v>9182071</v>
      </c>
      <c r="P10" s="173"/>
      <c r="Q10" s="108">
        <v>30</v>
      </c>
      <c r="R10" s="174"/>
    </row>
    <row r="11" spans="1:20" ht="12" customHeight="1">
      <c r="A11" s="37"/>
      <c r="B11" s="108">
        <v>29</v>
      </c>
      <c r="C11" s="171"/>
      <c r="D11" s="40">
        <v>9147400</v>
      </c>
      <c r="E11" s="40">
        <v>9145076</v>
      </c>
      <c r="F11" s="40">
        <v>9141390</v>
      </c>
      <c r="G11" s="40">
        <v>9144183</v>
      </c>
      <c r="H11" s="40">
        <v>9159692</v>
      </c>
      <c r="I11" s="40">
        <v>9161634</v>
      </c>
      <c r="J11" s="40">
        <v>9161855</v>
      </c>
      <c r="K11" s="40">
        <v>9161297</v>
      </c>
      <c r="L11" s="40">
        <v>9161493</v>
      </c>
      <c r="M11" s="40">
        <v>9161139</v>
      </c>
      <c r="N11" s="40">
        <v>9164373</v>
      </c>
      <c r="O11" s="172">
        <v>9164074</v>
      </c>
      <c r="P11" s="173"/>
      <c r="Q11" s="108">
        <v>29</v>
      </c>
      <c r="R11" s="174"/>
    </row>
    <row r="12" spans="1:20" ht="12" customHeight="1">
      <c r="A12" s="37"/>
      <c r="B12" s="108">
        <v>28</v>
      </c>
      <c r="C12" s="171"/>
      <c r="D12" s="40">
        <v>9128037</v>
      </c>
      <c r="E12" s="40">
        <v>9126280</v>
      </c>
      <c r="F12" s="40">
        <v>9123971</v>
      </c>
      <c r="G12" s="40">
        <v>9128208</v>
      </c>
      <c r="H12" s="40">
        <v>9142584</v>
      </c>
      <c r="I12" s="40">
        <v>9144992</v>
      </c>
      <c r="J12" s="40">
        <v>9145832</v>
      </c>
      <c r="K12" s="40">
        <v>9145026</v>
      </c>
      <c r="L12" s="40">
        <v>9145587</v>
      </c>
      <c r="M12" s="40">
        <v>9145572</v>
      </c>
      <c r="N12" s="40">
        <v>9148549</v>
      </c>
      <c r="O12" s="172">
        <v>9148109</v>
      </c>
      <c r="P12" s="173"/>
      <c r="Q12" s="108">
        <v>28</v>
      </c>
      <c r="R12" s="174"/>
    </row>
    <row r="13" spans="1:20" ht="6.75" customHeight="1">
      <c r="A13" s="37"/>
      <c r="B13" s="108"/>
      <c r="C13" s="171"/>
      <c r="D13" s="40"/>
      <c r="E13" s="40"/>
      <c r="F13" s="40"/>
      <c r="G13" s="40"/>
      <c r="H13" s="40"/>
      <c r="I13" s="40"/>
      <c r="J13" s="40"/>
      <c r="K13" s="40"/>
      <c r="L13" s="40"/>
      <c r="M13" s="40"/>
      <c r="N13" s="40"/>
      <c r="O13" s="172"/>
      <c r="P13" s="173"/>
      <c r="Q13" s="108"/>
      <c r="R13" s="174"/>
    </row>
    <row r="14" spans="1:20" ht="12" customHeight="1">
      <c r="A14" s="44"/>
      <c r="B14" s="111" t="s">
        <v>18</v>
      </c>
      <c r="C14" s="46"/>
      <c r="D14" s="47">
        <v>9100346</v>
      </c>
      <c r="E14" s="47">
        <v>9097624</v>
      </c>
      <c r="F14" s="47">
        <v>9094974</v>
      </c>
      <c r="G14" s="47">
        <v>9099935</v>
      </c>
      <c r="H14" s="47">
        <v>9116252</v>
      </c>
      <c r="I14" s="47">
        <v>9118334</v>
      </c>
      <c r="J14" s="47">
        <v>9118775</v>
      </c>
      <c r="K14" s="47">
        <v>9117529</v>
      </c>
      <c r="L14" s="47">
        <v>9118562</v>
      </c>
      <c r="M14" s="47">
        <v>9126214</v>
      </c>
      <c r="N14" s="47">
        <v>9128262</v>
      </c>
      <c r="O14" s="168">
        <v>9129173</v>
      </c>
      <c r="P14" s="169"/>
      <c r="Q14" s="111" t="s">
        <v>18</v>
      </c>
      <c r="R14" s="170"/>
    </row>
    <row r="15" spans="1:20" s="70" customFormat="1" ht="12" customHeight="1">
      <c r="A15" s="37"/>
      <c r="B15" s="108">
        <v>26</v>
      </c>
      <c r="C15" s="39"/>
      <c r="D15" s="40">
        <v>9083839</v>
      </c>
      <c r="E15" s="40">
        <v>9081284</v>
      </c>
      <c r="F15" s="40">
        <v>9078001</v>
      </c>
      <c r="G15" s="40">
        <v>9079236</v>
      </c>
      <c r="H15" s="40">
        <v>9094662</v>
      </c>
      <c r="I15" s="40">
        <v>9096445</v>
      </c>
      <c r="J15" s="40">
        <v>9097245</v>
      </c>
      <c r="K15" s="40">
        <v>9097401</v>
      </c>
      <c r="L15" s="40">
        <v>9097198</v>
      </c>
      <c r="M15" s="40">
        <v>9098984</v>
      </c>
      <c r="N15" s="40">
        <v>9101505</v>
      </c>
      <c r="O15" s="172">
        <v>9101625</v>
      </c>
      <c r="P15" s="173"/>
      <c r="Q15" s="108">
        <v>26</v>
      </c>
      <c r="R15" s="161"/>
      <c r="S15"/>
      <c r="T15"/>
    </row>
    <row r="16" spans="1:20" s="181" customFormat="1" ht="12" customHeight="1">
      <c r="A16" s="175"/>
      <c r="B16" s="23">
        <v>25</v>
      </c>
      <c r="C16" s="176"/>
      <c r="D16" s="25">
        <v>9072533</v>
      </c>
      <c r="E16" s="25">
        <v>9069042</v>
      </c>
      <c r="F16" s="25">
        <v>9064465</v>
      </c>
      <c r="G16" s="25">
        <v>9061378</v>
      </c>
      <c r="H16" s="25">
        <v>9079150</v>
      </c>
      <c r="I16" s="25">
        <v>9080892</v>
      </c>
      <c r="J16" s="25">
        <v>9079363</v>
      </c>
      <c r="K16" s="25">
        <v>9079998</v>
      </c>
      <c r="L16" s="25">
        <v>9081005</v>
      </c>
      <c r="M16" s="25">
        <v>9081742</v>
      </c>
      <c r="N16" s="25">
        <v>9084223</v>
      </c>
      <c r="O16" s="177">
        <v>9084473</v>
      </c>
      <c r="P16" s="178"/>
      <c r="Q16" s="23">
        <v>25</v>
      </c>
      <c r="R16" s="179"/>
      <c r="S16" s="180"/>
      <c r="T16" s="180"/>
    </row>
    <row r="17" spans="1:20" s="70" customFormat="1" ht="12" customHeight="1">
      <c r="A17" s="37"/>
      <c r="B17" s="108">
        <v>24</v>
      </c>
      <c r="C17" s="39"/>
      <c r="D17" s="40">
        <v>9060257</v>
      </c>
      <c r="E17" s="40">
        <v>9057742</v>
      </c>
      <c r="F17" s="40">
        <v>9053776</v>
      </c>
      <c r="G17" s="40">
        <v>9052730</v>
      </c>
      <c r="H17" s="40">
        <v>9069694</v>
      </c>
      <c r="I17" s="40">
        <v>9072471</v>
      </c>
      <c r="J17" s="40">
        <v>9071272</v>
      </c>
      <c r="K17" s="40">
        <v>9071855</v>
      </c>
      <c r="L17" s="40">
        <v>9073190</v>
      </c>
      <c r="M17" s="40">
        <v>9072133</v>
      </c>
      <c r="N17" s="40">
        <v>9075474</v>
      </c>
      <c r="O17" s="172">
        <v>9075075</v>
      </c>
      <c r="P17" s="173"/>
      <c r="Q17" s="108">
        <v>24</v>
      </c>
      <c r="R17" s="161"/>
      <c r="S17"/>
      <c r="T17"/>
    </row>
    <row r="18" spans="1:20" s="70" customFormat="1" ht="12" customHeight="1">
      <c r="A18" s="37"/>
      <c r="B18" s="108">
        <v>23</v>
      </c>
      <c r="C18" s="39"/>
      <c r="D18" s="40">
        <v>9051028</v>
      </c>
      <c r="E18" s="40">
        <v>9049201</v>
      </c>
      <c r="F18" s="40">
        <v>9046250</v>
      </c>
      <c r="G18" s="40">
        <v>9044930</v>
      </c>
      <c r="H18" s="40">
        <v>9057420</v>
      </c>
      <c r="I18" s="40">
        <v>9060539</v>
      </c>
      <c r="J18" s="40">
        <v>9059480</v>
      </c>
      <c r="K18" s="40">
        <v>9058420</v>
      </c>
      <c r="L18" s="40">
        <v>9060518</v>
      </c>
      <c r="M18" s="40">
        <v>9059616</v>
      </c>
      <c r="N18" s="40">
        <v>9061473</v>
      </c>
      <c r="O18" s="172">
        <v>9061898</v>
      </c>
      <c r="P18" s="173"/>
      <c r="Q18" s="108">
        <v>23</v>
      </c>
      <c r="R18" s="161"/>
      <c r="S18"/>
      <c r="T18"/>
    </row>
    <row r="19" spans="1:20" s="70" customFormat="1" ht="6.75" customHeight="1">
      <c r="A19" s="37"/>
      <c r="B19" s="108"/>
      <c r="C19" s="39"/>
      <c r="D19" s="40"/>
      <c r="E19" s="40"/>
      <c r="F19" s="40"/>
      <c r="G19" s="40"/>
      <c r="H19" s="40"/>
      <c r="I19" s="40"/>
      <c r="J19" s="40"/>
      <c r="K19" s="40"/>
      <c r="L19" s="40"/>
      <c r="M19" s="40"/>
      <c r="N19" s="40"/>
      <c r="O19" s="172"/>
      <c r="P19" s="173"/>
      <c r="Q19" s="108"/>
      <c r="R19" s="161"/>
      <c r="S19"/>
      <c r="T19"/>
    </row>
    <row r="20" spans="1:20" ht="12" customHeight="1">
      <c r="A20" s="44"/>
      <c r="B20" s="111" t="s">
        <v>19</v>
      </c>
      <c r="C20" s="46"/>
      <c r="D20" s="47">
        <v>9008132</v>
      </c>
      <c r="E20" s="47">
        <v>9006229</v>
      </c>
      <c r="F20" s="47">
        <v>9004306</v>
      </c>
      <c r="G20" s="47">
        <v>9008743</v>
      </c>
      <c r="H20" s="47">
        <v>9025843</v>
      </c>
      <c r="I20" s="47">
        <v>9028118</v>
      </c>
      <c r="J20" s="47">
        <v>9028302</v>
      </c>
      <c r="K20" s="47">
        <v>9028285</v>
      </c>
      <c r="L20" s="47">
        <v>9029996</v>
      </c>
      <c r="M20" s="47">
        <v>9048331</v>
      </c>
      <c r="N20" s="47">
        <v>9050567</v>
      </c>
      <c r="O20" s="168">
        <v>9051390</v>
      </c>
      <c r="P20" s="169"/>
      <c r="Q20" s="111" t="s">
        <v>19</v>
      </c>
      <c r="R20" s="170"/>
    </row>
    <row r="21" spans="1:20" s="70" customFormat="1" ht="12" customHeight="1">
      <c r="A21" s="37"/>
      <c r="B21" s="108">
        <v>21</v>
      </c>
      <c r="C21" s="39"/>
      <c r="D21" s="40">
        <v>8965352</v>
      </c>
      <c r="E21" s="40">
        <v>8965954</v>
      </c>
      <c r="F21" s="40">
        <v>8964892</v>
      </c>
      <c r="G21" s="40">
        <v>8974075</v>
      </c>
      <c r="H21" s="40">
        <v>8994595</v>
      </c>
      <c r="I21" s="40">
        <v>8998805</v>
      </c>
      <c r="J21" s="40">
        <v>9001358</v>
      </c>
      <c r="K21" s="40">
        <v>9002078</v>
      </c>
      <c r="L21" s="40">
        <v>9003840</v>
      </c>
      <c r="M21" s="40">
        <v>9005176</v>
      </c>
      <c r="N21" s="40">
        <v>9007993</v>
      </c>
      <c r="O21" s="172">
        <v>9008905</v>
      </c>
      <c r="P21" s="173"/>
      <c r="Q21" s="108">
        <v>21</v>
      </c>
      <c r="R21" s="161"/>
      <c r="S21"/>
      <c r="T21"/>
    </row>
    <row r="22" spans="1:20" s="70" customFormat="1" ht="12" customHeight="1">
      <c r="A22" s="37"/>
      <c r="B22" s="108">
        <v>20</v>
      </c>
      <c r="C22" s="39"/>
      <c r="D22" s="40">
        <v>8910256</v>
      </c>
      <c r="E22" s="40">
        <v>8910553</v>
      </c>
      <c r="F22" s="40">
        <v>8909857</v>
      </c>
      <c r="G22" s="40">
        <v>8916854</v>
      </c>
      <c r="H22" s="40">
        <v>8939652</v>
      </c>
      <c r="I22" s="40">
        <v>8944118</v>
      </c>
      <c r="J22" s="40">
        <v>8946742</v>
      </c>
      <c r="K22" s="40">
        <v>8950032</v>
      </c>
      <c r="L22" s="40">
        <v>8953788</v>
      </c>
      <c r="M22" s="40">
        <v>8956804</v>
      </c>
      <c r="N22" s="40">
        <v>8961239</v>
      </c>
      <c r="O22" s="172">
        <v>8963944</v>
      </c>
      <c r="P22" s="173"/>
      <c r="Q22" s="108">
        <v>20</v>
      </c>
      <c r="R22" s="161"/>
      <c r="S22"/>
      <c r="T22"/>
    </row>
    <row r="23" spans="1:20" s="70" customFormat="1" ht="12" customHeight="1">
      <c r="A23" s="37"/>
      <c r="B23" s="108">
        <v>19</v>
      </c>
      <c r="C23" s="39"/>
      <c r="D23" s="40">
        <v>8848166</v>
      </c>
      <c r="E23" s="40">
        <v>8849821</v>
      </c>
      <c r="F23" s="40">
        <v>8850901</v>
      </c>
      <c r="G23" s="40">
        <v>8854830</v>
      </c>
      <c r="H23" s="40">
        <v>8879968</v>
      </c>
      <c r="I23" s="40">
        <v>8887150</v>
      </c>
      <c r="J23" s="40">
        <v>8889933</v>
      </c>
      <c r="K23" s="40">
        <v>8893264</v>
      </c>
      <c r="L23" s="40">
        <v>8898195</v>
      </c>
      <c r="M23" s="40">
        <v>8899545</v>
      </c>
      <c r="N23" s="40">
        <v>8905930</v>
      </c>
      <c r="O23" s="172">
        <v>8908440</v>
      </c>
      <c r="P23" s="173"/>
      <c r="Q23" s="108">
        <v>19</v>
      </c>
      <c r="R23" s="161"/>
      <c r="S23"/>
      <c r="T23"/>
    </row>
    <row r="24" spans="1:20" s="70" customFormat="1" ht="12" customHeight="1">
      <c r="A24" s="37"/>
      <c r="B24" s="108">
        <v>18</v>
      </c>
      <c r="C24" s="39"/>
      <c r="D24" s="40">
        <v>8801632</v>
      </c>
      <c r="E24" s="40">
        <v>8801612</v>
      </c>
      <c r="F24" s="40">
        <v>8801102</v>
      </c>
      <c r="G24" s="40">
        <v>8800903</v>
      </c>
      <c r="H24" s="40">
        <v>8823924</v>
      </c>
      <c r="I24" s="40">
        <v>8830438</v>
      </c>
      <c r="J24" s="40">
        <v>8831157</v>
      </c>
      <c r="K24" s="40">
        <v>8834021</v>
      </c>
      <c r="L24" s="40">
        <v>8836558</v>
      </c>
      <c r="M24" s="40">
        <v>8837640</v>
      </c>
      <c r="N24" s="40">
        <v>8843347</v>
      </c>
      <c r="O24" s="172">
        <v>8846454</v>
      </c>
      <c r="P24" s="173"/>
      <c r="Q24" s="108">
        <v>18</v>
      </c>
      <c r="R24" s="161"/>
      <c r="S24"/>
      <c r="T24"/>
    </row>
    <row r="25" spans="1:20" s="70" customFormat="1" ht="6.75" customHeight="1">
      <c r="A25" s="37"/>
      <c r="B25" s="108"/>
      <c r="C25" s="39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172"/>
      <c r="P25" s="173"/>
      <c r="Q25" s="108"/>
      <c r="R25" s="161"/>
      <c r="S25"/>
      <c r="T25"/>
    </row>
    <row r="26" spans="1:20" s="70" customFormat="1" ht="12" customHeight="1">
      <c r="A26" s="44"/>
      <c r="B26" s="111" t="s">
        <v>20</v>
      </c>
      <c r="C26" s="46"/>
      <c r="D26" s="47">
        <v>8748731</v>
      </c>
      <c r="E26" s="47">
        <v>8749335</v>
      </c>
      <c r="F26" s="47">
        <v>8748193</v>
      </c>
      <c r="G26" s="47">
        <v>8749038</v>
      </c>
      <c r="H26" s="47">
        <v>8771143</v>
      </c>
      <c r="I26" s="47">
        <v>8776724</v>
      </c>
      <c r="J26" s="47">
        <v>8779313</v>
      </c>
      <c r="K26" s="47">
        <v>8780836</v>
      </c>
      <c r="L26" s="47">
        <v>8785638</v>
      </c>
      <c r="M26" s="47">
        <v>8791597</v>
      </c>
      <c r="N26" s="47">
        <v>8797714</v>
      </c>
      <c r="O26" s="168">
        <v>8800167</v>
      </c>
      <c r="P26" s="169"/>
      <c r="Q26" s="111" t="s">
        <v>20</v>
      </c>
      <c r="R26" s="170"/>
      <c r="S26"/>
      <c r="T26"/>
    </row>
    <row r="27" spans="1:20" s="70" customFormat="1" ht="12" customHeight="1">
      <c r="A27" s="37"/>
      <c r="B27" s="108">
        <v>16</v>
      </c>
      <c r="C27" s="39"/>
      <c r="D27" s="40">
        <v>8697720</v>
      </c>
      <c r="E27" s="40">
        <v>8699273</v>
      </c>
      <c r="F27" s="40">
        <v>8699920</v>
      </c>
      <c r="G27" s="40">
        <v>8702885</v>
      </c>
      <c r="H27" s="40">
        <v>8726087</v>
      </c>
      <c r="I27" s="40">
        <v>8732827</v>
      </c>
      <c r="J27" s="40">
        <v>8736632</v>
      </c>
      <c r="K27" s="40">
        <v>8734819</v>
      </c>
      <c r="L27" s="40">
        <v>8738441</v>
      </c>
      <c r="M27" s="40">
        <v>8740136</v>
      </c>
      <c r="N27" s="40">
        <v>8744097</v>
      </c>
      <c r="O27" s="172">
        <v>8747356</v>
      </c>
      <c r="P27" s="173"/>
      <c r="Q27" s="108">
        <v>16</v>
      </c>
      <c r="R27" s="161"/>
      <c r="S27"/>
      <c r="T27"/>
    </row>
    <row r="28" spans="1:20" s="70" customFormat="1" ht="12" customHeight="1">
      <c r="A28" s="37"/>
      <c r="B28" s="108">
        <v>15</v>
      </c>
      <c r="C28" s="39"/>
      <c r="D28" s="40">
        <v>8639665</v>
      </c>
      <c r="E28" s="40">
        <v>8641280</v>
      </c>
      <c r="F28" s="40">
        <v>8640748</v>
      </c>
      <c r="G28" s="40">
        <v>8641565</v>
      </c>
      <c r="H28" s="40">
        <v>8668586</v>
      </c>
      <c r="I28" s="40">
        <v>8674693</v>
      </c>
      <c r="J28" s="40">
        <v>8677993</v>
      </c>
      <c r="K28" s="40">
        <v>8680615</v>
      </c>
      <c r="L28" s="40">
        <v>8684654</v>
      </c>
      <c r="M28" s="40">
        <v>8687422</v>
      </c>
      <c r="N28" s="40">
        <v>8692732</v>
      </c>
      <c r="O28" s="172">
        <v>8695931</v>
      </c>
      <c r="P28" s="173"/>
      <c r="Q28" s="108">
        <v>15</v>
      </c>
      <c r="R28" s="161"/>
      <c r="S28"/>
      <c r="T28"/>
    </row>
    <row r="29" spans="1:20" s="70" customFormat="1" ht="12" customHeight="1">
      <c r="A29" s="37"/>
      <c r="B29" s="108">
        <v>14</v>
      </c>
      <c r="C29" s="39"/>
      <c r="D29" s="40">
        <v>8575372</v>
      </c>
      <c r="E29" s="40">
        <v>8577784</v>
      </c>
      <c r="F29" s="40">
        <v>8578873</v>
      </c>
      <c r="G29" s="40">
        <v>8572726</v>
      </c>
      <c r="H29" s="40">
        <v>8606865</v>
      </c>
      <c r="I29" s="40">
        <v>8614190</v>
      </c>
      <c r="J29" s="40">
        <v>8616886</v>
      </c>
      <c r="K29" s="40">
        <v>8621337</v>
      </c>
      <c r="L29" s="40">
        <v>8625880</v>
      </c>
      <c r="M29" s="40">
        <v>8628787</v>
      </c>
      <c r="N29" s="40">
        <v>8634524</v>
      </c>
      <c r="O29" s="172">
        <v>8638175</v>
      </c>
      <c r="P29" s="173"/>
      <c r="Q29" s="108">
        <v>14</v>
      </c>
      <c r="R29" s="161"/>
      <c r="S29"/>
      <c r="T29"/>
    </row>
    <row r="30" spans="1:20" s="70" customFormat="1" ht="12" customHeight="1">
      <c r="A30" s="37"/>
      <c r="B30" s="108">
        <v>13</v>
      </c>
      <c r="C30" s="39"/>
      <c r="D30" s="40">
        <v>8503498</v>
      </c>
      <c r="E30" s="40">
        <v>8506983</v>
      </c>
      <c r="F30" s="40">
        <v>8507802</v>
      </c>
      <c r="G30" s="40">
        <v>8503950</v>
      </c>
      <c r="H30" s="40">
        <v>8534524</v>
      </c>
      <c r="I30" s="40">
        <v>8543348</v>
      </c>
      <c r="J30" s="40">
        <v>8547753</v>
      </c>
      <c r="K30" s="40">
        <v>8551899</v>
      </c>
      <c r="L30" s="40">
        <v>8558071</v>
      </c>
      <c r="M30" s="40">
        <v>8561001</v>
      </c>
      <c r="N30" s="40">
        <v>8569740</v>
      </c>
      <c r="O30" s="172">
        <v>8573449</v>
      </c>
      <c r="P30" s="173"/>
      <c r="Q30" s="108">
        <v>13</v>
      </c>
      <c r="R30" s="161"/>
      <c r="S30"/>
      <c r="T30"/>
    </row>
    <row r="31" spans="1:20" s="70" customFormat="1" ht="6.75" customHeight="1">
      <c r="A31" s="37"/>
      <c r="B31" s="108"/>
      <c r="C31" s="39"/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172"/>
      <c r="P31" s="173"/>
      <c r="Q31" s="108"/>
      <c r="R31" s="161"/>
      <c r="S31"/>
      <c r="T31"/>
    </row>
    <row r="32" spans="1:20" ht="12" customHeight="1">
      <c r="A32" s="44"/>
      <c r="B32" s="111" t="s">
        <v>21</v>
      </c>
      <c r="C32" s="46"/>
      <c r="D32" s="47">
        <v>8446174</v>
      </c>
      <c r="E32" s="47">
        <v>8447789</v>
      </c>
      <c r="F32" s="47">
        <v>8447118</v>
      </c>
      <c r="G32" s="47">
        <v>8441464</v>
      </c>
      <c r="H32" s="47">
        <v>8469082</v>
      </c>
      <c r="I32" s="47">
        <v>8476353</v>
      </c>
      <c r="J32" s="47">
        <v>8479368</v>
      </c>
      <c r="K32" s="47">
        <v>8481898</v>
      </c>
      <c r="L32" s="47">
        <v>8488207</v>
      </c>
      <c r="M32" s="47">
        <v>8489974</v>
      </c>
      <c r="N32" s="47">
        <v>8496792</v>
      </c>
      <c r="O32" s="168">
        <v>8501436</v>
      </c>
      <c r="P32" s="169"/>
      <c r="Q32" s="111" t="s">
        <v>21</v>
      </c>
      <c r="R32" s="170"/>
    </row>
    <row r="33" spans="1:20" s="70" customFormat="1" ht="12" customHeight="1">
      <c r="A33" s="37"/>
      <c r="B33" s="108">
        <v>11</v>
      </c>
      <c r="C33" s="39"/>
      <c r="D33" s="40">
        <v>8398336</v>
      </c>
      <c r="E33" s="40">
        <v>8398271</v>
      </c>
      <c r="F33" s="40">
        <v>8397311</v>
      </c>
      <c r="G33" s="40">
        <v>8392402</v>
      </c>
      <c r="H33" s="40">
        <v>8419574</v>
      </c>
      <c r="I33" s="40">
        <v>8425391</v>
      </c>
      <c r="J33" s="40">
        <v>8427436</v>
      </c>
      <c r="K33" s="40">
        <v>8429422</v>
      </c>
      <c r="L33" s="40">
        <v>8434333</v>
      </c>
      <c r="M33" s="40">
        <v>8436490</v>
      </c>
      <c r="N33" s="40">
        <v>8439894</v>
      </c>
      <c r="O33" s="172">
        <v>8443701</v>
      </c>
      <c r="P33" s="173"/>
      <c r="Q33" s="108">
        <v>11</v>
      </c>
      <c r="R33" s="161"/>
      <c r="S33"/>
      <c r="T33"/>
    </row>
    <row r="34" spans="1:20" s="70" customFormat="1" ht="12" customHeight="1">
      <c r="A34" s="37"/>
      <c r="B34" s="108">
        <v>10</v>
      </c>
      <c r="C34" s="39"/>
      <c r="D34" s="40">
        <v>8340837</v>
      </c>
      <c r="E34" s="40">
        <v>8342266</v>
      </c>
      <c r="F34" s="40">
        <v>8341756</v>
      </c>
      <c r="G34" s="40">
        <v>8335821</v>
      </c>
      <c r="H34" s="40">
        <v>8367264</v>
      </c>
      <c r="I34" s="40">
        <v>8373950</v>
      </c>
      <c r="J34" s="40">
        <v>8378473</v>
      </c>
      <c r="K34" s="40">
        <v>8380178</v>
      </c>
      <c r="L34" s="40">
        <v>8386812</v>
      </c>
      <c r="M34" s="40">
        <v>8389140</v>
      </c>
      <c r="N34" s="40">
        <v>8394458</v>
      </c>
      <c r="O34" s="172">
        <v>8396440</v>
      </c>
      <c r="P34" s="173"/>
      <c r="Q34" s="108">
        <v>10</v>
      </c>
      <c r="R34" s="161"/>
      <c r="S34"/>
      <c r="T34"/>
    </row>
    <row r="35" spans="1:20" s="70" customFormat="1" ht="12" customHeight="1">
      <c r="A35" s="37"/>
      <c r="B35" s="108">
        <v>9</v>
      </c>
      <c r="C35" s="39"/>
      <c r="D35" s="40">
        <v>8295504</v>
      </c>
      <c r="E35" s="40">
        <v>8295375</v>
      </c>
      <c r="F35" s="40">
        <v>8294035</v>
      </c>
      <c r="G35" s="40">
        <v>8282288</v>
      </c>
      <c r="H35" s="40">
        <v>8313213</v>
      </c>
      <c r="I35" s="40">
        <v>8318976</v>
      </c>
      <c r="J35" s="40">
        <v>8320339</v>
      </c>
      <c r="K35" s="40">
        <v>8321227</v>
      </c>
      <c r="L35" s="40">
        <v>8326923</v>
      </c>
      <c r="M35" s="40">
        <v>8329289</v>
      </c>
      <c r="N35" s="40">
        <v>8333672</v>
      </c>
      <c r="O35" s="172">
        <v>8338301</v>
      </c>
      <c r="P35" s="173"/>
      <c r="Q35" s="108">
        <v>9</v>
      </c>
      <c r="R35" s="161"/>
      <c r="S35"/>
      <c r="T35"/>
    </row>
    <row r="36" spans="1:20" s="70" customFormat="1" ht="12" customHeight="1">
      <c r="A36" s="37"/>
      <c r="B36" s="108">
        <v>8</v>
      </c>
      <c r="C36" s="39"/>
      <c r="D36" s="40">
        <v>8252665</v>
      </c>
      <c r="E36" s="40">
        <v>8253570</v>
      </c>
      <c r="F36" s="40">
        <v>8252100</v>
      </c>
      <c r="G36" s="40">
        <v>8232106</v>
      </c>
      <c r="H36" s="40">
        <v>8265950</v>
      </c>
      <c r="I36" s="40">
        <v>8272760</v>
      </c>
      <c r="J36" s="40">
        <v>8275647</v>
      </c>
      <c r="K36" s="40">
        <v>8277078</v>
      </c>
      <c r="L36" s="40">
        <v>8282160</v>
      </c>
      <c r="M36" s="40">
        <v>8285030</v>
      </c>
      <c r="N36" s="40">
        <v>8289200</v>
      </c>
      <c r="O36" s="172">
        <v>8293339</v>
      </c>
      <c r="P36" s="173"/>
      <c r="Q36" s="108">
        <v>8</v>
      </c>
      <c r="R36" s="161"/>
      <c r="S36"/>
      <c r="T36"/>
    </row>
    <row r="37" spans="1:20" s="70" customFormat="1" ht="6.75" customHeight="1">
      <c r="A37" s="37"/>
      <c r="B37" s="108"/>
      <c r="C37" s="39"/>
      <c r="D37" s="40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172"/>
      <c r="P37" s="173"/>
      <c r="Q37" s="108"/>
      <c r="R37" s="161"/>
      <c r="S37"/>
      <c r="T37"/>
    </row>
    <row r="38" spans="1:20" ht="12" customHeight="1">
      <c r="A38" s="44"/>
      <c r="B38" s="111" t="s">
        <v>22</v>
      </c>
      <c r="C38" s="46"/>
      <c r="D38" s="47">
        <v>8238840</v>
      </c>
      <c r="E38" s="47">
        <v>8240571</v>
      </c>
      <c r="F38" s="47">
        <v>8238632</v>
      </c>
      <c r="G38" s="47">
        <v>8221618</v>
      </c>
      <c r="H38" s="47">
        <v>8251296</v>
      </c>
      <c r="I38" s="47">
        <v>8258718</v>
      </c>
      <c r="J38" s="47">
        <v>8260247</v>
      </c>
      <c r="K38" s="47">
        <v>8259141</v>
      </c>
      <c r="L38" s="47">
        <v>8264521</v>
      </c>
      <c r="M38" s="47">
        <v>8245900</v>
      </c>
      <c r="N38" s="47">
        <v>8249538</v>
      </c>
      <c r="O38" s="168">
        <v>8253021</v>
      </c>
      <c r="P38" s="169"/>
      <c r="Q38" s="111" t="s">
        <v>22</v>
      </c>
      <c r="R38" s="170"/>
    </row>
    <row r="39" spans="1:20" s="70" customFormat="1" ht="12" customHeight="1">
      <c r="A39" s="37"/>
      <c r="B39" s="108">
        <v>6</v>
      </c>
      <c r="C39" s="39"/>
      <c r="D39" s="40">
        <v>8196872</v>
      </c>
      <c r="E39" s="40">
        <v>8197526</v>
      </c>
      <c r="F39" s="40">
        <v>8193262</v>
      </c>
      <c r="G39" s="40">
        <v>8178713</v>
      </c>
      <c r="H39" s="40">
        <v>8209489</v>
      </c>
      <c r="I39" s="40">
        <v>8217650</v>
      </c>
      <c r="J39" s="40">
        <v>8220367</v>
      </c>
      <c r="K39" s="40">
        <v>8219525</v>
      </c>
      <c r="L39" s="40">
        <v>8225905</v>
      </c>
      <c r="M39" s="40">
        <v>8228033</v>
      </c>
      <c r="N39" s="40">
        <v>8232735</v>
      </c>
      <c r="O39" s="172">
        <v>8237053</v>
      </c>
      <c r="P39" s="173"/>
      <c r="Q39" s="108">
        <v>6</v>
      </c>
      <c r="R39" s="161"/>
      <c r="S39"/>
      <c r="T39"/>
    </row>
    <row r="40" spans="1:20" s="70" customFormat="1" ht="12" customHeight="1">
      <c r="A40" s="37"/>
      <c r="B40" s="108">
        <v>5</v>
      </c>
      <c r="C40" s="39"/>
      <c r="D40" s="40">
        <v>8148512</v>
      </c>
      <c r="E40" s="40">
        <v>8149547</v>
      </c>
      <c r="F40" s="40">
        <v>8149282</v>
      </c>
      <c r="G40" s="40">
        <v>8133824</v>
      </c>
      <c r="H40" s="40">
        <v>8171572</v>
      </c>
      <c r="I40" s="40">
        <v>8177717</v>
      </c>
      <c r="J40" s="40">
        <v>8181366</v>
      </c>
      <c r="K40" s="40">
        <v>8181225</v>
      </c>
      <c r="L40" s="40">
        <v>8186190</v>
      </c>
      <c r="M40" s="40">
        <v>8187799</v>
      </c>
      <c r="N40" s="40">
        <v>8191243</v>
      </c>
      <c r="O40" s="172">
        <v>8194483</v>
      </c>
      <c r="P40" s="173"/>
      <c r="Q40" s="108">
        <v>5</v>
      </c>
      <c r="R40" s="161"/>
      <c r="S40"/>
      <c r="T40"/>
    </row>
    <row r="41" spans="1:20" s="70" customFormat="1" ht="12" customHeight="1">
      <c r="A41" s="37"/>
      <c r="B41" s="108">
        <v>4</v>
      </c>
      <c r="C41" s="39"/>
      <c r="D41" s="40">
        <v>8084849</v>
      </c>
      <c r="E41" s="40">
        <v>8086971</v>
      </c>
      <c r="F41" s="40">
        <v>8087093</v>
      </c>
      <c r="G41" s="40">
        <v>8074302</v>
      </c>
      <c r="H41" s="40">
        <v>8118623</v>
      </c>
      <c r="I41" s="40">
        <v>8127547</v>
      </c>
      <c r="J41" s="40">
        <v>8131744</v>
      </c>
      <c r="K41" s="40">
        <v>8130948</v>
      </c>
      <c r="L41" s="40">
        <v>8135110</v>
      </c>
      <c r="M41" s="40">
        <v>8137615</v>
      </c>
      <c r="N41" s="40">
        <v>8142036</v>
      </c>
      <c r="O41" s="172">
        <v>8146441</v>
      </c>
      <c r="P41" s="173"/>
      <c r="Q41" s="108">
        <v>4</v>
      </c>
      <c r="R41" s="161"/>
      <c r="S41"/>
      <c r="T41"/>
    </row>
    <row r="42" spans="1:20" s="70" customFormat="1" ht="12" customHeight="1">
      <c r="A42" s="37"/>
      <c r="B42" s="108">
        <v>3</v>
      </c>
      <c r="C42" s="39"/>
      <c r="D42" s="40">
        <v>7998747</v>
      </c>
      <c r="E42" s="40">
        <v>8003155</v>
      </c>
      <c r="F42" s="40">
        <v>8004094</v>
      </c>
      <c r="G42" s="40">
        <v>7988686</v>
      </c>
      <c r="H42" s="40">
        <v>8038495</v>
      </c>
      <c r="I42" s="40">
        <v>8050786</v>
      </c>
      <c r="J42" s="40">
        <v>8056579</v>
      </c>
      <c r="K42" s="40">
        <v>8059054</v>
      </c>
      <c r="L42" s="40">
        <v>8064518</v>
      </c>
      <c r="M42" s="40">
        <v>8069545</v>
      </c>
      <c r="N42" s="40">
        <v>8074862</v>
      </c>
      <c r="O42" s="172">
        <v>8080974</v>
      </c>
      <c r="P42" s="173"/>
      <c r="Q42" s="108">
        <v>3</v>
      </c>
      <c r="R42" s="161"/>
      <c r="S42"/>
      <c r="T42"/>
    </row>
    <row r="43" spans="1:20" s="70" customFormat="1" ht="6.75" customHeight="1">
      <c r="A43" s="37"/>
      <c r="B43" s="108"/>
      <c r="C43" s="39"/>
      <c r="D43" s="40"/>
      <c r="E43" s="40"/>
      <c r="F43" s="40"/>
      <c r="G43" s="40"/>
      <c r="H43" s="40"/>
      <c r="I43" s="40"/>
      <c r="J43" s="40"/>
      <c r="K43" s="40"/>
      <c r="L43" s="40"/>
      <c r="M43" s="40"/>
      <c r="N43" s="40"/>
      <c r="O43" s="172"/>
      <c r="P43" s="173"/>
      <c r="Q43" s="108"/>
      <c r="R43" s="161"/>
      <c r="S43"/>
      <c r="T43"/>
    </row>
    <row r="44" spans="1:20" ht="12" customHeight="1">
      <c r="A44" s="44"/>
      <c r="B44" s="111" t="s">
        <v>23</v>
      </c>
      <c r="C44" s="46"/>
      <c r="D44" s="47">
        <v>7910382</v>
      </c>
      <c r="E44" s="47">
        <v>7914216</v>
      </c>
      <c r="F44" s="47">
        <v>7915896</v>
      </c>
      <c r="G44" s="47">
        <v>7902528</v>
      </c>
      <c r="H44" s="47">
        <v>7953079</v>
      </c>
      <c r="I44" s="47">
        <v>7967598</v>
      </c>
      <c r="J44" s="47">
        <v>7974372</v>
      </c>
      <c r="K44" s="47">
        <v>7976278</v>
      </c>
      <c r="L44" s="47">
        <v>7984004</v>
      </c>
      <c r="M44" s="47">
        <v>7980391</v>
      </c>
      <c r="N44" s="47">
        <v>7987942</v>
      </c>
      <c r="O44" s="168">
        <v>7993665</v>
      </c>
      <c r="P44" s="169"/>
      <c r="Q44" s="111" t="s">
        <v>23</v>
      </c>
      <c r="R44" s="170"/>
    </row>
    <row r="45" spans="1:20" s="70" customFormat="1" ht="12" customHeight="1">
      <c r="A45" s="37"/>
      <c r="B45" s="108" t="s">
        <v>24</v>
      </c>
      <c r="C45" s="39"/>
      <c r="D45" s="40">
        <v>7810104</v>
      </c>
      <c r="E45" s="40">
        <v>7813982</v>
      </c>
      <c r="F45" s="40">
        <v>7816731</v>
      </c>
      <c r="G45" s="40">
        <v>7807451</v>
      </c>
      <c r="H45" s="40">
        <v>7854850</v>
      </c>
      <c r="I45" s="40">
        <v>7867672</v>
      </c>
      <c r="J45" s="40">
        <v>7873959</v>
      </c>
      <c r="K45" s="40">
        <v>7875430</v>
      </c>
      <c r="L45" s="40">
        <v>7884008</v>
      </c>
      <c r="M45" s="40">
        <v>7889271</v>
      </c>
      <c r="N45" s="40">
        <v>7897204</v>
      </c>
      <c r="O45" s="172">
        <v>7905463</v>
      </c>
      <c r="P45" s="173"/>
      <c r="Q45" s="108" t="s">
        <v>24</v>
      </c>
      <c r="R45" s="161"/>
      <c r="S45"/>
      <c r="T45"/>
    </row>
    <row r="46" spans="1:20" s="70" customFormat="1" ht="12" customHeight="1">
      <c r="A46" s="37"/>
      <c r="B46" s="108" t="s">
        <v>25</v>
      </c>
      <c r="C46" s="39"/>
      <c r="D46" s="40">
        <v>7701087</v>
      </c>
      <c r="E46" s="40">
        <v>7706540</v>
      </c>
      <c r="F46" s="40">
        <v>7709914</v>
      </c>
      <c r="G46" s="40">
        <v>7701076</v>
      </c>
      <c r="H46" s="40">
        <v>7749498</v>
      </c>
      <c r="I46" s="40">
        <v>7762778</v>
      </c>
      <c r="J46" s="40">
        <v>7770335</v>
      </c>
      <c r="K46" s="40">
        <v>7772649</v>
      </c>
      <c r="L46" s="40">
        <v>7781946</v>
      </c>
      <c r="M46" s="40">
        <v>7788126</v>
      </c>
      <c r="N46" s="40">
        <v>7796552</v>
      </c>
      <c r="O46" s="172">
        <v>7804511</v>
      </c>
      <c r="P46" s="173"/>
      <c r="Q46" s="108" t="s">
        <v>25</v>
      </c>
      <c r="R46" s="161"/>
      <c r="S46"/>
      <c r="T46"/>
    </row>
    <row r="47" spans="1:20" ht="12" customHeight="1">
      <c r="A47" s="37"/>
      <c r="B47" s="108">
        <v>62</v>
      </c>
      <c r="C47" s="39"/>
      <c r="D47" s="40">
        <v>7572197</v>
      </c>
      <c r="E47" s="40">
        <v>7578162</v>
      </c>
      <c r="F47" s="40">
        <v>7582129</v>
      </c>
      <c r="G47" s="40">
        <v>7581610</v>
      </c>
      <c r="H47" s="40">
        <v>7632829</v>
      </c>
      <c r="I47" s="40">
        <v>7646291</v>
      </c>
      <c r="J47" s="40">
        <v>7656915</v>
      </c>
      <c r="K47" s="40">
        <v>7660282</v>
      </c>
      <c r="L47" s="40">
        <v>7670731</v>
      </c>
      <c r="M47" s="40">
        <v>7679277</v>
      </c>
      <c r="N47" s="40">
        <v>7687690</v>
      </c>
      <c r="O47" s="172">
        <v>7695909</v>
      </c>
      <c r="P47" s="173"/>
      <c r="Q47" s="108">
        <v>62</v>
      </c>
      <c r="R47" s="161"/>
    </row>
    <row r="48" spans="1:20" ht="12" customHeight="1">
      <c r="A48" s="37"/>
      <c r="B48" s="108">
        <v>61</v>
      </c>
      <c r="C48" s="39"/>
      <c r="D48" s="40">
        <v>7452253</v>
      </c>
      <c r="E48" s="40">
        <v>7457087</v>
      </c>
      <c r="F48" s="40">
        <v>7460014</v>
      </c>
      <c r="G48" s="40">
        <v>7457041</v>
      </c>
      <c r="H48" s="40">
        <v>7506939</v>
      </c>
      <c r="I48" s="40">
        <v>7517450</v>
      </c>
      <c r="J48" s="40">
        <v>7526013</v>
      </c>
      <c r="K48" s="40">
        <v>7529720</v>
      </c>
      <c r="L48" s="40">
        <v>7540229</v>
      </c>
      <c r="M48" s="40">
        <v>7549807</v>
      </c>
      <c r="N48" s="40">
        <v>7556838</v>
      </c>
      <c r="O48" s="172">
        <v>7565772</v>
      </c>
      <c r="P48" s="173"/>
      <c r="Q48" s="108">
        <v>61</v>
      </c>
      <c r="R48" s="161"/>
    </row>
    <row r="49" spans="1:18" ht="6.75" customHeight="1">
      <c r="A49" s="37"/>
      <c r="B49" s="108"/>
      <c r="C49" s="39"/>
      <c r="D49" s="40"/>
      <c r="E49" s="40"/>
      <c r="F49" s="40"/>
      <c r="G49" s="40"/>
      <c r="H49" s="40"/>
      <c r="I49" s="40"/>
      <c r="J49" s="40"/>
      <c r="K49" s="40"/>
      <c r="L49" s="40"/>
      <c r="M49" s="40"/>
      <c r="N49" s="40"/>
      <c r="O49" s="172"/>
      <c r="P49" s="173"/>
      <c r="Q49" s="108"/>
      <c r="R49" s="161"/>
    </row>
    <row r="50" spans="1:18" ht="12" customHeight="1">
      <c r="A50" s="44"/>
      <c r="B50" s="111" t="s">
        <v>26</v>
      </c>
      <c r="C50" s="46"/>
      <c r="D50" s="47">
        <v>7349993</v>
      </c>
      <c r="E50" s="47">
        <v>7353501</v>
      </c>
      <c r="F50" s="47">
        <v>7355680</v>
      </c>
      <c r="G50" s="47">
        <v>7345091</v>
      </c>
      <c r="H50" s="47">
        <v>7396760</v>
      </c>
      <c r="I50" s="47">
        <v>7407168</v>
      </c>
      <c r="J50" s="47">
        <v>7413348</v>
      </c>
      <c r="K50" s="47">
        <v>7416579</v>
      </c>
      <c r="L50" s="47">
        <v>7425625</v>
      </c>
      <c r="M50" s="47">
        <v>7431974</v>
      </c>
      <c r="N50" s="47">
        <v>7438472</v>
      </c>
      <c r="O50" s="168">
        <v>7445657</v>
      </c>
      <c r="P50" s="169"/>
      <c r="Q50" s="111" t="s">
        <v>26</v>
      </c>
      <c r="R50" s="170"/>
    </row>
    <row r="51" spans="1:18" ht="12" customHeight="1">
      <c r="A51" s="37"/>
      <c r="B51" s="108">
        <v>59</v>
      </c>
      <c r="C51" s="39"/>
      <c r="D51" s="40">
        <v>7248578</v>
      </c>
      <c r="E51" s="40">
        <v>7253074</v>
      </c>
      <c r="F51" s="40">
        <v>7255286</v>
      </c>
      <c r="G51" s="40">
        <v>7247089</v>
      </c>
      <c r="H51" s="40">
        <v>7292205</v>
      </c>
      <c r="I51" s="40">
        <v>7303786</v>
      </c>
      <c r="J51" s="40">
        <v>7310055</v>
      </c>
      <c r="K51" s="40">
        <v>7312164</v>
      </c>
      <c r="L51" s="40">
        <v>7321708</v>
      </c>
      <c r="M51" s="40">
        <v>7327697</v>
      </c>
      <c r="N51" s="40">
        <v>7336014</v>
      </c>
      <c r="O51" s="172">
        <v>7342811</v>
      </c>
      <c r="P51" s="173"/>
      <c r="Q51" s="108">
        <v>59</v>
      </c>
      <c r="R51" s="161"/>
    </row>
    <row r="52" spans="1:18" ht="12" customHeight="1">
      <c r="A52" s="37"/>
      <c r="B52" s="108">
        <v>58</v>
      </c>
      <c r="C52" s="39"/>
      <c r="D52" s="40">
        <v>7148043</v>
      </c>
      <c r="E52" s="40">
        <v>7152275</v>
      </c>
      <c r="F52" s="40">
        <v>7154047</v>
      </c>
      <c r="G52" s="40">
        <v>7148308</v>
      </c>
      <c r="H52" s="40">
        <v>7193794</v>
      </c>
      <c r="I52" s="40">
        <v>7204900</v>
      </c>
      <c r="J52" s="40">
        <v>7211622</v>
      </c>
      <c r="K52" s="40">
        <v>7212268</v>
      </c>
      <c r="L52" s="40">
        <v>7221030</v>
      </c>
      <c r="M52" s="40">
        <v>7226033</v>
      </c>
      <c r="N52" s="40">
        <v>7234456</v>
      </c>
      <c r="O52" s="172">
        <v>7242308</v>
      </c>
      <c r="P52" s="173"/>
      <c r="Q52" s="108">
        <v>58</v>
      </c>
      <c r="R52" s="161"/>
    </row>
    <row r="53" spans="1:18" ht="12" customHeight="1">
      <c r="A53" s="37"/>
      <c r="B53" s="108">
        <v>57</v>
      </c>
      <c r="C53" s="39"/>
      <c r="D53" s="40">
        <v>7044560</v>
      </c>
      <c r="E53" s="40">
        <v>7049454</v>
      </c>
      <c r="F53" s="40">
        <v>7051786</v>
      </c>
      <c r="G53" s="40">
        <v>7043231</v>
      </c>
      <c r="H53" s="40">
        <v>7091476</v>
      </c>
      <c r="I53" s="40">
        <v>7103484</v>
      </c>
      <c r="J53" s="40">
        <v>7110584</v>
      </c>
      <c r="K53" s="40">
        <v>7111517</v>
      </c>
      <c r="L53" s="40">
        <v>7120937</v>
      </c>
      <c r="M53" s="40">
        <v>7127764</v>
      </c>
      <c r="N53" s="40">
        <v>7134491</v>
      </c>
      <c r="O53" s="172">
        <v>7142470</v>
      </c>
      <c r="P53" s="173"/>
      <c r="Q53" s="108">
        <v>57</v>
      </c>
      <c r="R53" s="161"/>
    </row>
    <row r="54" spans="1:18" ht="12" customHeight="1">
      <c r="A54" s="37"/>
      <c r="B54" s="108">
        <v>56</v>
      </c>
      <c r="C54" s="39"/>
      <c r="D54" s="40">
        <v>6943574</v>
      </c>
      <c r="E54" s="40">
        <v>6948738</v>
      </c>
      <c r="F54" s="40">
        <v>6950845</v>
      </c>
      <c r="G54" s="40">
        <v>6943675</v>
      </c>
      <c r="H54" s="40">
        <v>6986825</v>
      </c>
      <c r="I54" s="40">
        <v>6996865</v>
      </c>
      <c r="J54" s="40">
        <v>7004818</v>
      </c>
      <c r="K54" s="40">
        <v>7005286</v>
      </c>
      <c r="L54" s="40">
        <v>7013823</v>
      </c>
      <c r="M54" s="40">
        <v>7021284</v>
      </c>
      <c r="N54" s="40">
        <v>7029194</v>
      </c>
      <c r="O54" s="172">
        <v>7038381</v>
      </c>
      <c r="P54" s="173"/>
      <c r="Q54" s="108">
        <v>56</v>
      </c>
      <c r="R54" s="161"/>
    </row>
    <row r="55" spans="1:18" ht="6.75" customHeight="1">
      <c r="A55" s="37"/>
      <c r="B55" s="108"/>
      <c r="C55" s="39"/>
      <c r="D55" s="40"/>
      <c r="E55" s="40"/>
      <c r="F55" s="40"/>
      <c r="G55" s="40"/>
      <c r="H55" s="40"/>
      <c r="I55" s="40"/>
      <c r="J55" s="40"/>
      <c r="K55" s="40"/>
      <c r="L55" s="40"/>
      <c r="M55" s="40"/>
      <c r="N55" s="40"/>
      <c r="O55" s="172"/>
      <c r="P55" s="173"/>
      <c r="Q55" s="108"/>
      <c r="R55" s="161"/>
    </row>
    <row r="56" spans="1:18" ht="12" customHeight="1">
      <c r="A56" s="44"/>
      <c r="B56" s="111" t="s">
        <v>27</v>
      </c>
      <c r="C56" s="46"/>
      <c r="D56" s="47">
        <v>6857040</v>
      </c>
      <c r="E56" s="47">
        <v>6860777</v>
      </c>
      <c r="F56" s="47">
        <v>6862617</v>
      </c>
      <c r="G56" s="47">
        <v>6849315</v>
      </c>
      <c r="H56" s="47">
        <v>6894044</v>
      </c>
      <c r="I56" s="47">
        <v>6904032</v>
      </c>
      <c r="J56" s="47">
        <v>6910532</v>
      </c>
      <c r="K56" s="47">
        <v>6911199</v>
      </c>
      <c r="L56" s="47">
        <v>6917751</v>
      </c>
      <c r="M56" s="47">
        <v>6924348</v>
      </c>
      <c r="N56" s="47">
        <v>6930202</v>
      </c>
      <c r="O56" s="168">
        <v>6937874</v>
      </c>
      <c r="P56" s="169"/>
      <c r="Q56" s="111" t="s">
        <v>27</v>
      </c>
      <c r="R56" s="170"/>
    </row>
    <row r="57" spans="1:18" ht="12" customHeight="1">
      <c r="A57" s="37"/>
      <c r="B57" s="108">
        <v>54</v>
      </c>
      <c r="C57" s="39"/>
      <c r="D57" s="40">
        <v>6759223</v>
      </c>
      <c r="E57" s="40">
        <v>6763909</v>
      </c>
      <c r="F57" s="40">
        <v>6766919</v>
      </c>
      <c r="G57" s="40">
        <v>6754758</v>
      </c>
      <c r="H57" s="40">
        <v>6795518</v>
      </c>
      <c r="I57" s="40">
        <v>6809807</v>
      </c>
      <c r="J57" s="40">
        <v>6817906</v>
      </c>
      <c r="K57" s="40">
        <v>6821002</v>
      </c>
      <c r="L57" s="40">
        <v>6826289</v>
      </c>
      <c r="M57" s="40">
        <v>6832038</v>
      </c>
      <c r="N57" s="40">
        <v>6841288</v>
      </c>
      <c r="O57" s="172">
        <v>6849053</v>
      </c>
      <c r="P57" s="173"/>
      <c r="Q57" s="108">
        <v>54</v>
      </c>
      <c r="R57" s="161"/>
    </row>
    <row r="58" spans="1:18" ht="12" customHeight="1">
      <c r="A58" s="37"/>
      <c r="B58" s="108">
        <v>53</v>
      </c>
      <c r="C58" s="39"/>
      <c r="D58" s="40">
        <v>6646694</v>
      </c>
      <c r="E58" s="40">
        <v>6651231</v>
      </c>
      <c r="F58" s="40">
        <v>6653791</v>
      </c>
      <c r="G58" s="40">
        <v>6646461</v>
      </c>
      <c r="H58" s="40">
        <v>6687921</v>
      </c>
      <c r="I58" s="40">
        <v>6702334</v>
      </c>
      <c r="J58" s="40">
        <v>6710291</v>
      </c>
      <c r="K58" s="40">
        <v>6713616</v>
      </c>
      <c r="L58" s="40">
        <v>6723585</v>
      </c>
      <c r="M58" s="40">
        <v>6730324</v>
      </c>
      <c r="N58" s="40">
        <v>6740298</v>
      </c>
      <c r="O58" s="172">
        <v>6749895</v>
      </c>
      <c r="P58" s="173"/>
      <c r="Q58" s="108">
        <v>53</v>
      </c>
      <c r="R58" s="161"/>
    </row>
    <row r="59" spans="1:18" ht="12" customHeight="1">
      <c r="A59" s="37"/>
      <c r="B59" s="108">
        <v>52</v>
      </c>
      <c r="C59" s="39"/>
      <c r="D59" s="40">
        <v>6534674</v>
      </c>
      <c r="E59" s="40">
        <v>6539615</v>
      </c>
      <c r="F59" s="40">
        <v>6543012</v>
      </c>
      <c r="G59" s="40">
        <v>6537329</v>
      </c>
      <c r="H59" s="40">
        <v>6577688</v>
      </c>
      <c r="I59" s="40">
        <v>6592199</v>
      </c>
      <c r="J59" s="40">
        <v>6600080</v>
      </c>
      <c r="K59" s="40">
        <v>6600496</v>
      </c>
      <c r="L59" s="40">
        <v>6610481</v>
      </c>
      <c r="M59" s="40">
        <v>6616844</v>
      </c>
      <c r="N59" s="40">
        <v>6626671</v>
      </c>
      <c r="O59" s="172">
        <v>6637755</v>
      </c>
      <c r="P59" s="173"/>
      <c r="Q59" s="108">
        <v>52</v>
      </c>
      <c r="R59" s="161"/>
    </row>
    <row r="60" spans="1:18" ht="12" customHeight="1">
      <c r="A60" s="37"/>
      <c r="B60" s="108">
        <v>51</v>
      </c>
      <c r="C60" s="39"/>
      <c r="D60" s="40">
        <v>6421325</v>
      </c>
      <c r="E60" s="40">
        <v>6426989</v>
      </c>
      <c r="F60" s="40">
        <v>6430847</v>
      </c>
      <c r="G60" s="40">
        <v>6427100</v>
      </c>
      <c r="H60" s="40">
        <v>6466269</v>
      </c>
      <c r="I60" s="40">
        <v>6480497</v>
      </c>
      <c r="J60" s="40">
        <v>6490356</v>
      </c>
      <c r="K60" s="40">
        <v>6491448</v>
      </c>
      <c r="L60" s="40">
        <v>6502236</v>
      </c>
      <c r="M60" s="40">
        <v>6508725</v>
      </c>
      <c r="N60" s="40">
        <v>6516042</v>
      </c>
      <c r="O60" s="172">
        <v>6526822</v>
      </c>
      <c r="P60" s="173"/>
      <c r="Q60" s="108">
        <v>51</v>
      </c>
      <c r="R60" s="161"/>
    </row>
    <row r="61" spans="1:18" ht="6.75" customHeight="1">
      <c r="A61" s="37"/>
      <c r="B61" s="108"/>
      <c r="C61" s="39"/>
      <c r="D61" s="40"/>
      <c r="E61" s="40"/>
      <c r="F61" s="40"/>
      <c r="G61" s="40"/>
      <c r="H61" s="40"/>
      <c r="I61" s="40"/>
      <c r="J61" s="40"/>
      <c r="K61" s="40"/>
      <c r="L61" s="40"/>
      <c r="M61" s="40"/>
      <c r="N61" s="40"/>
      <c r="O61" s="172"/>
      <c r="P61" s="173"/>
      <c r="Q61" s="108"/>
      <c r="R61" s="161"/>
    </row>
    <row r="62" spans="1:18" ht="12" customHeight="1">
      <c r="A62" s="44"/>
      <c r="B62" s="111" t="s">
        <v>28</v>
      </c>
      <c r="C62" s="46"/>
      <c r="D62" s="47">
        <v>6295998</v>
      </c>
      <c r="E62" s="47">
        <v>6303289</v>
      </c>
      <c r="F62" s="47">
        <v>6307709</v>
      </c>
      <c r="G62" s="47">
        <v>6301070</v>
      </c>
      <c r="H62" s="47">
        <v>6347258</v>
      </c>
      <c r="I62" s="47">
        <v>6364055</v>
      </c>
      <c r="J62" s="47">
        <v>6375537</v>
      </c>
      <c r="K62" s="47">
        <v>6381352</v>
      </c>
      <c r="L62" s="47">
        <v>6389051</v>
      </c>
      <c r="M62" s="47">
        <v>6397748</v>
      </c>
      <c r="N62" s="47">
        <v>6404969</v>
      </c>
      <c r="O62" s="168">
        <v>6413620</v>
      </c>
      <c r="P62" s="169"/>
      <c r="Q62" s="111" t="s">
        <v>28</v>
      </c>
      <c r="R62" s="170"/>
    </row>
    <row r="63" spans="1:18" ht="12" customHeight="1">
      <c r="A63" s="37"/>
      <c r="B63" s="108">
        <v>49</v>
      </c>
      <c r="C63" s="39"/>
      <c r="D63" s="40">
        <v>6138096</v>
      </c>
      <c r="E63" s="40">
        <v>6146991</v>
      </c>
      <c r="F63" s="40">
        <v>6153341</v>
      </c>
      <c r="G63" s="40">
        <v>6149373</v>
      </c>
      <c r="H63" s="40">
        <v>6200941</v>
      </c>
      <c r="I63" s="40">
        <v>6220024</v>
      </c>
      <c r="J63" s="40">
        <v>6233817</v>
      </c>
      <c r="K63" s="40">
        <v>6240472</v>
      </c>
      <c r="L63" s="40">
        <v>6251004</v>
      </c>
      <c r="M63" s="40">
        <v>6260996</v>
      </c>
      <c r="N63" s="40">
        <v>6272756</v>
      </c>
      <c r="O63" s="172">
        <v>6284106</v>
      </c>
      <c r="P63" s="173"/>
      <c r="Q63" s="108">
        <v>49</v>
      </c>
      <c r="R63" s="161"/>
    </row>
    <row r="64" spans="1:18" ht="12" customHeight="1">
      <c r="A64" s="37"/>
      <c r="B64" s="108">
        <v>48</v>
      </c>
      <c r="C64" s="39"/>
      <c r="D64" s="40">
        <v>5958190</v>
      </c>
      <c r="E64" s="40">
        <v>5968472</v>
      </c>
      <c r="F64" s="40">
        <v>5975871</v>
      </c>
      <c r="G64" s="40">
        <v>5978797</v>
      </c>
      <c r="H64" s="40">
        <v>6030418</v>
      </c>
      <c r="I64" s="40">
        <v>6052726</v>
      </c>
      <c r="J64" s="40">
        <v>6065589</v>
      </c>
      <c r="K64" s="40">
        <v>6073201</v>
      </c>
      <c r="L64" s="40">
        <v>6086977</v>
      </c>
      <c r="M64" s="40">
        <v>6097403</v>
      </c>
      <c r="N64" s="40">
        <v>6110991</v>
      </c>
      <c r="O64" s="172">
        <v>6127010</v>
      </c>
      <c r="P64" s="173"/>
      <c r="Q64" s="108">
        <v>48</v>
      </c>
      <c r="R64" s="161"/>
    </row>
    <row r="65" spans="1:18" ht="12" customHeight="1">
      <c r="A65" s="37"/>
      <c r="B65" s="108">
        <v>47</v>
      </c>
      <c r="C65" s="39"/>
      <c r="D65" s="40">
        <v>5758256</v>
      </c>
      <c r="E65" s="40">
        <v>5769765</v>
      </c>
      <c r="F65" s="40">
        <v>5779574</v>
      </c>
      <c r="G65" s="40">
        <v>5790070</v>
      </c>
      <c r="H65" s="40">
        <v>5841764</v>
      </c>
      <c r="I65" s="40">
        <v>5866778</v>
      </c>
      <c r="J65" s="40">
        <v>5882354</v>
      </c>
      <c r="K65" s="40">
        <v>5890181</v>
      </c>
      <c r="L65" s="40">
        <v>5903987</v>
      </c>
      <c r="M65" s="40">
        <v>5914816</v>
      </c>
      <c r="N65" s="40">
        <v>5929202</v>
      </c>
      <c r="O65" s="172">
        <v>5944440</v>
      </c>
      <c r="P65" s="173"/>
      <c r="Q65" s="108">
        <v>47</v>
      </c>
      <c r="R65" s="161"/>
    </row>
    <row r="66" spans="1:18" ht="12" customHeight="1">
      <c r="A66" s="37"/>
      <c r="B66" s="108">
        <v>46</v>
      </c>
      <c r="C66" s="39"/>
      <c r="D66" s="40">
        <v>5524380</v>
      </c>
      <c r="E66" s="40">
        <v>5537107</v>
      </c>
      <c r="F66" s="40">
        <v>5548711</v>
      </c>
      <c r="G66" s="40">
        <v>5564533</v>
      </c>
      <c r="H66" s="40">
        <v>5624503</v>
      </c>
      <c r="I66" s="40">
        <v>5652525</v>
      </c>
      <c r="J66" s="40">
        <v>5669805</v>
      </c>
      <c r="K66" s="40">
        <v>5680084</v>
      </c>
      <c r="L66" s="40">
        <v>5693642</v>
      </c>
      <c r="M66" s="40">
        <v>5707513</v>
      </c>
      <c r="N66" s="40">
        <v>5720586</v>
      </c>
      <c r="O66" s="172">
        <v>5742024</v>
      </c>
      <c r="P66" s="173"/>
      <c r="Q66" s="108">
        <v>46</v>
      </c>
      <c r="R66" s="161"/>
    </row>
    <row r="67" spans="1:18" ht="6.75" customHeight="1">
      <c r="A67" s="37"/>
      <c r="B67" s="108"/>
      <c r="C67" s="39"/>
      <c r="D67" s="40"/>
      <c r="E67" s="40"/>
      <c r="F67" s="40"/>
      <c r="G67" s="40"/>
      <c r="H67" s="40"/>
      <c r="I67" s="40"/>
      <c r="J67" s="40"/>
      <c r="K67" s="40"/>
      <c r="L67" s="40"/>
      <c r="M67" s="40"/>
      <c r="N67" s="40"/>
      <c r="O67" s="172"/>
      <c r="P67" s="173"/>
      <c r="Q67" s="108"/>
      <c r="R67" s="161"/>
    </row>
    <row r="68" spans="1:18" ht="12" customHeight="1">
      <c r="A68" s="44"/>
      <c r="B68" s="111" t="s">
        <v>29</v>
      </c>
      <c r="C68" s="46"/>
      <c r="D68" s="47">
        <v>5292904</v>
      </c>
      <c r="E68" s="47">
        <v>5303245</v>
      </c>
      <c r="F68" s="47">
        <v>5312983</v>
      </c>
      <c r="G68" s="47">
        <v>5327548</v>
      </c>
      <c r="H68" s="47">
        <v>5384824</v>
      </c>
      <c r="I68" s="47">
        <v>5414927</v>
      </c>
      <c r="J68" s="47">
        <v>5436748</v>
      </c>
      <c r="K68" s="47">
        <v>5444605</v>
      </c>
      <c r="L68" s="47">
        <v>5457248</v>
      </c>
      <c r="M68" s="47">
        <v>5472247</v>
      </c>
      <c r="N68" s="47">
        <v>5487041</v>
      </c>
      <c r="O68" s="168">
        <v>5506627</v>
      </c>
      <c r="P68" s="169"/>
      <c r="Q68" s="111" t="s">
        <v>29</v>
      </c>
      <c r="R68" s="170"/>
    </row>
    <row r="69" spans="1:18" ht="12" customHeight="1">
      <c r="A69" s="37"/>
      <c r="B69" s="108">
        <v>44</v>
      </c>
      <c r="C69" s="39"/>
      <c r="D69" s="40">
        <v>5073378</v>
      </c>
      <c r="E69" s="40">
        <v>5085370</v>
      </c>
      <c r="F69" s="40">
        <v>5093963</v>
      </c>
      <c r="G69" s="40">
        <v>5107882</v>
      </c>
      <c r="H69" s="40">
        <v>5165170</v>
      </c>
      <c r="I69" s="40">
        <v>5190525</v>
      </c>
      <c r="J69" s="40">
        <v>5208370</v>
      </c>
      <c r="K69" s="40">
        <v>5220363</v>
      </c>
      <c r="L69" s="40">
        <v>5233380</v>
      </c>
      <c r="M69" s="40">
        <v>5248414</v>
      </c>
      <c r="N69" s="40">
        <v>5260886</v>
      </c>
      <c r="O69" s="172">
        <v>5276912</v>
      </c>
      <c r="P69" s="173"/>
      <c r="Q69" s="108">
        <v>44</v>
      </c>
      <c r="R69" s="161"/>
    </row>
    <row r="70" spans="1:18" ht="12" customHeight="1">
      <c r="A70" s="37"/>
      <c r="B70" s="108">
        <v>43</v>
      </c>
      <c r="C70" s="39"/>
      <c r="D70" s="40">
        <v>4845739</v>
      </c>
      <c r="E70" s="40">
        <v>4857499</v>
      </c>
      <c r="F70" s="40">
        <v>4864442</v>
      </c>
      <c r="G70" s="40">
        <v>4883622</v>
      </c>
      <c r="H70" s="40">
        <v>4942289</v>
      </c>
      <c r="I70" s="40">
        <v>4967241</v>
      </c>
      <c r="J70" s="40">
        <v>4980804</v>
      </c>
      <c r="K70" s="40">
        <v>4996505</v>
      </c>
      <c r="L70" s="40">
        <v>5008877</v>
      </c>
      <c r="M70" s="40">
        <v>5028115</v>
      </c>
      <c r="N70" s="40">
        <v>5042814</v>
      </c>
      <c r="O70" s="172">
        <v>5058861</v>
      </c>
      <c r="P70" s="173"/>
      <c r="Q70" s="108">
        <v>43</v>
      </c>
      <c r="R70" s="161"/>
    </row>
    <row r="71" spans="1:18" s="30" customFormat="1" ht="12" customHeight="1">
      <c r="A71" s="60"/>
      <c r="B71" s="105">
        <v>42</v>
      </c>
      <c r="C71" s="32"/>
      <c r="D71" s="33">
        <v>4638525</v>
      </c>
      <c r="E71" s="33">
        <v>4650640</v>
      </c>
      <c r="F71" s="33">
        <v>4659590</v>
      </c>
      <c r="G71" s="33">
        <v>4685561</v>
      </c>
      <c r="H71" s="33">
        <v>4734238</v>
      </c>
      <c r="I71" s="33">
        <v>4756090</v>
      </c>
      <c r="J71" s="33">
        <v>4768567</v>
      </c>
      <c r="K71" s="33">
        <v>4778366</v>
      </c>
      <c r="L71" s="33">
        <v>4791962</v>
      </c>
      <c r="M71" s="33">
        <v>4802740</v>
      </c>
      <c r="N71" s="33">
        <v>4817895</v>
      </c>
      <c r="O71" s="165">
        <v>4832745</v>
      </c>
      <c r="P71" s="182"/>
      <c r="Q71" s="105">
        <v>42</v>
      </c>
      <c r="R71" s="167"/>
    </row>
    <row r="72" spans="1:18" s="30" customFormat="1" ht="12" customHeight="1">
      <c r="A72" s="31"/>
      <c r="B72" s="105">
        <v>41</v>
      </c>
      <c r="C72" s="32"/>
      <c r="D72" s="33">
        <v>4474335</v>
      </c>
      <c r="E72" s="33">
        <v>4483835</v>
      </c>
      <c r="F72" s="33">
        <v>4491447</v>
      </c>
      <c r="G72" s="33">
        <v>4509251</v>
      </c>
      <c r="H72" s="33">
        <v>4546819</v>
      </c>
      <c r="I72" s="33">
        <v>4563410</v>
      </c>
      <c r="J72" s="33">
        <v>4571978</v>
      </c>
      <c r="K72" s="33">
        <v>4579412</v>
      </c>
      <c r="L72" s="33">
        <v>4588743</v>
      </c>
      <c r="M72" s="33">
        <v>4598258</v>
      </c>
      <c r="N72" s="33">
        <v>4610217</v>
      </c>
      <c r="O72" s="165">
        <v>4624075</v>
      </c>
      <c r="P72" s="166"/>
      <c r="Q72" s="105">
        <v>41</v>
      </c>
      <c r="R72" s="167"/>
    </row>
    <row r="73" spans="1:18" s="30" customFormat="1" ht="6.75" customHeight="1">
      <c r="A73" s="60"/>
      <c r="B73" s="105"/>
      <c r="C73" s="32"/>
      <c r="D73" s="33"/>
      <c r="E73" s="33"/>
      <c r="F73" s="33"/>
      <c r="G73" s="33"/>
      <c r="H73" s="33"/>
      <c r="I73" s="33"/>
      <c r="J73" s="33"/>
      <c r="K73" s="33"/>
      <c r="L73" s="33"/>
      <c r="M73" s="33"/>
      <c r="N73" s="33"/>
      <c r="O73" s="165"/>
      <c r="P73" s="182"/>
      <c r="Q73" s="105"/>
      <c r="R73" s="167"/>
    </row>
    <row r="74" spans="1:18" s="30" customFormat="1" ht="12" customHeight="1">
      <c r="A74" s="61"/>
      <c r="B74" s="111" t="s">
        <v>31</v>
      </c>
      <c r="C74" s="46"/>
      <c r="D74" s="47">
        <v>4254849</v>
      </c>
      <c r="E74" s="47">
        <v>4268987</v>
      </c>
      <c r="F74" s="47">
        <v>4283238</v>
      </c>
      <c r="G74" s="47">
        <v>4305520</v>
      </c>
      <c r="H74" s="47">
        <v>4352684</v>
      </c>
      <c r="I74" s="47">
        <v>4375478</v>
      </c>
      <c r="J74" s="47">
        <v>4391833</v>
      </c>
      <c r="K74" s="47">
        <v>4402687</v>
      </c>
      <c r="L74" s="47">
        <v>4416215</v>
      </c>
      <c r="M74" s="47">
        <v>4430743</v>
      </c>
      <c r="N74" s="47">
        <v>4444254</v>
      </c>
      <c r="O74" s="168">
        <v>4460612</v>
      </c>
      <c r="P74" s="183"/>
      <c r="Q74" s="111" t="s">
        <v>31</v>
      </c>
      <c r="R74" s="170"/>
    </row>
    <row r="75" spans="1:18" s="30" customFormat="1" ht="12" customHeight="1">
      <c r="A75" s="60"/>
      <c r="B75" s="105">
        <v>39</v>
      </c>
      <c r="C75" s="32"/>
      <c r="D75" s="33">
        <v>4023952</v>
      </c>
      <c r="E75" s="33">
        <v>4036171</v>
      </c>
      <c r="F75" s="33">
        <v>4047688</v>
      </c>
      <c r="G75" s="33">
        <v>4063907</v>
      </c>
      <c r="H75" s="33">
        <v>4105683</v>
      </c>
      <c r="I75" s="33">
        <v>4129614</v>
      </c>
      <c r="J75" s="33">
        <v>4147313</v>
      </c>
      <c r="K75" s="33">
        <v>4161375</v>
      </c>
      <c r="L75" s="33">
        <v>4178109</v>
      </c>
      <c r="M75" s="33">
        <v>4193936</v>
      </c>
      <c r="N75" s="33">
        <v>4214448</v>
      </c>
      <c r="O75" s="165">
        <v>4234788</v>
      </c>
      <c r="P75" s="182"/>
      <c r="Q75" s="105">
        <v>39</v>
      </c>
      <c r="R75" s="167"/>
    </row>
    <row r="76" spans="1:18" s="30" customFormat="1" ht="12" customHeight="1">
      <c r="A76" s="60"/>
      <c r="B76" s="105">
        <v>38</v>
      </c>
      <c r="C76" s="32"/>
      <c r="D76" s="33">
        <v>3836417</v>
      </c>
      <c r="E76" s="33">
        <v>3848302</v>
      </c>
      <c r="F76" s="33">
        <v>3859094</v>
      </c>
      <c r="G76" s="33">
        <v>3872585</v>
      </c>
      <c r="H76" s="33">
        <v>3906184</v>
      </c>
      <c r="I76" s="33">
        <v>3928236</v>
      </c>
      <c r="J76" s="33">
        <v>3941444</v>
      </c>
      <c r="K76" s="33">
        <v>3953224</v>
      </c>
      <c r="L76" s="33">
        <v>3966523</v>
      </c>
      <c r="M76" s="33">
        <v>3978938</v>
      </c>
      <c r="N76" s="33">
        <v>3991819</v>
      </c>
      <c r="O76" s="165">
        <v>4008104</v>
      </c>
      <c r="P76" s="182"/>
      <c r="Q76" s="105">
        <v>38</v>
      </c>
      <c r="R76" s="167"/>
    </row>
    <row r="77" spans="1:18" s="30" customFormat="1" ht="12" customHeight="1">
      <c r="A77" s="60"/>
      <c r="B77" s="105">
        <v>37</v>
      </c>
      <c r="C77" s="32"/>
      <c r="D77" s="33">
        <v>3643446</v>
      </c>
      <c r="E77" s="33">
        <v>3655364</v>
      </c>
      <c r="F77" s="33">
        <v>3666587</v>
      </c>
      <c r="G77" s="33">
        <v>3682635</v>
      </c>
      <c r="H77" s="33">
        <v>3718265</v>
      </c>
      <c r="I77" s="33">
        <v>3740213</v>
      </c>
      <c r="J77" s="33">
        <v>3754031</v>
      </c>
      <c r="K77" s="33">
        <v>3765426</v>
      </c>
      <c r="L77" s="33">
        <v>3780565</v>
      </c>
      <c r="M77" s="33">
        <v>3793052</v>
      </c>
      <c r="N77" s="33">
        <v>3807752</v>
      </c>
      <c r="O77" s="165">
        <v>3822305</v>
      </c>
      <c r="P77" s="182"/>
      <c r="Q77" s="105">
        <v>37</v>
      </c>
      <c r="R77" s="167"/>
    </row>
    <row r="78" spans="1:18" s="30" customFormat="1" ht="12" customHeight="1">
      <c r="A78" s="60"/>
      <c r="B78" s="105">
        <v>36</v>
      </c>
      <c r="C78" s="32"/>
      <c r="D78" s="33">
        <v>3477556</v>
      </c>
      <c r="E78" s="33">
        <v>3486292</v>
      </c>
      <c r="F78" s="33">
        <v>3496003</v>
      </c>
      <c r="G78" s="33">
        <v>3507599</v>
      </c>
      <c r="H78" s="33">
        <v>3534473</v>
      </c>
      <c r="I78" s="33">
        <v>3553493</v>
      </c>
      <c r="J78" s="33">
        <v>3565963</v>
      </c>
      <c r="K78" s="33">
        <v>3577317</v>
      </c>
      <c r="L78" s="33">
        <v>3589486</v>
      </c>
      <c r="M78" s="33">
        <v>3601066</v>
      </c>
      <c r="N78" s="33">
        <v>3614513</v>
      </c>
      <c r="O78" s="165">
        <v>3628760</v>
      </c>
      <c r="P78" s="182"/>
      <c r="Q78" s="105">
        <v>36</v>
      </c>
      <c r="R78" s="167"/>
    </row>
    <row r="79" spans="1:18" s="30" customFormat="1" ht="6.75" customHeight="1">
      <c r="A79" s="60"/>
      <c r="B79" s="105"/>
      <c r="C79" s="32"/>
      <c r="D79" s="33"/>
      <c r="E79" s="33"/>
      <c r="F79" s="33"/>
      <c r="G79" s="33"/>
      <c r="H79" s="33"/>
      <c r="I79" s="33"/>
      <c r="J79" s="33"/>
      <c r="K79" s="33"/>
      <c r="L79" s="33"/>
      <c r="M79" s="33"/>
      <c r="N79" s="33"/>
      <c r="O79" s="165"/>
      <c r="P79" s="182"/>
      <c r="Q79" s="105"/>
      <c r="R79" s="167"/>
    </row>
    <row r="80" spans="1:18" s="30" customFormat="1" ht="12" customHeight="1">
      <c r="A80" s="61"/>
      <c r="B80" s="111" t="s">
        <v>32</v>
      </c>
      <c r="C80" s="46"/>
      <c r="D80" s="47">
        <v>3332163</v>
      </c>
      <c r="E80" s="47">
        <v>3340862</v>
      </c>
      <c r="F80" s="47">
        <v>3349304</v>
      </c>
      <c r="G80" s="47">
        <v>3360346</v>
      </c>
      <c r="H80" s="47">
        <v>3383375</v>
      </c>
      <c r="I80" s="47">
        <v>3398332</v>
      </c>
      <c r="J80" s="47">
        <v>3410784</v>
      </c>
      <c r="K80" s="47">
        <v>3419991</v>
      </c>
      <c r="L80" s="47">
        <v>3430860</v>
      </c>
      <c r="M80" s="47">
        <v>3443176</v>
      </c>
      <c r="N80" s="47">
        <v>3454651</v>
      </c>
      <c r="O80" s="168">
        <v>3466436</v>
      </c>
      <c r="P80" s="183"/>
      <c r="Q80" s="111" t="s">
        <v>32</v>
      </c>
      <c r="R80" s="170"/>
    </row>
    <row r="81" spans="1:18" s="30" customFormat="1" ht="12" customHeight="1">
      <c r="A81" s="60"/>
      <c r="B81" s="105">
        <v>34</v>
      </c>
      <c r="C81" s="32"/>
      <c r="D81" s="33">
        <v>3208381</v>
      </c>
      <c r="E81" s="33">
        <v>3216066</v>
      </c>
      <c r="F81" s="33">
        <v>3224445</v>
      </c>
      <c r="G81" s="33">
        <v>3232590</v>
      </c>
      <c r="H81" s="33">
        <v>3252513</v>
      </c>
      <c r="I81" s="33">
        <v>3266238</v>
      </c>
      <c r="J81" s="33">
        <v>3276557</v>
      </c>
      <c r="K81" s="33">
        <v>3286792</v>
      </c>
      <c r="L81" s="33">
        <v>3294432</v>
      </c>
      <c r="M81" s="33">
        <v>3303049</v>
      </c>
      <c r="N81" s="33">
        <v>3312695</v>
      </c>
      <c r="O81" s="165">
        <v>3321599</v>
      </c>
      <c r="P81" s="182"/>
      <c r="Q81" s="105">
        <v>34</v>
      </c>
      <c r="R81" s="167"/>
    </row>
    <row r="82" spans="1:18" ht="12" customHeight="1">
      <c r="A82" s="37"/>
      <c r="B82" s="108" t="s">
        <v>14</v>
      </c>
      <c r="C82" s="39"/>
      <c r="D82" s="40">
        <v>3099197</v>
      </c>
      <c r="E82" s="40">
        <v>3106425</v>
      </c>
      <c r="F82" s="40">
        <v>3111630</v>
      </c>
      <c r="G82" s="40">
        <v>3119188</v>
      </c>
      <c r="H82" s="40">
        <v>3137934</v>
      </c>
      <c r="I82" s="40">
        <v>3149205</v>
      </c>
      <c r="J82" s="40">
        <v>3158177</v>
      </c>
      <c r="K82" s="40">
        <v>3167001</v>
      </c>
      <c r="L82" s="40">
        <v>3173404</v>
      </c>
      <c r="M82" s="40">
        <v>3180882</v>
      </c>
      <c r="N82" s="40">
        <v>3189288</v>
      </c>
      <c r="O82" s="172">
        <v>3197660</v>
      </c>
      <c r="P82" s="173"/>
      <c r="Q82" s="108" t="s">
        <v>14</v>
      </c>
      <c r="R82" s="161"/>
    </row>
    <row r="83" spans="1:18" ht="6.75" customHeight="1" thickBot="1">
      <c r="A83" s="130"/>
      <c r="B83" s="131"/>
      <c r="C83" s="52"/>
      <c r="D83" s="114"/>
      <c r="E83" s="114"/>
      <c r="F83" s="114"/>
      <c r="G83" s="114"/>
      <c r="H83" s="114"/>
      <c r="I83" s="114"/>
      <c r="J83" s="114"/>
      <c r="K83" s="114"/>
      <c r="L83" s="114"/>
      <c r="M83" s="114"/>
      <c r="N83" s="114"/>
      <c r="O83" s="184"/>
      <c r="P83" s="185"/>
      <c r="Q83" s="131"/>
      <c r="R83" s="186"/>
    </row>
  </sheetData>
  <mergeCells count="6">
    <mergeCell ref="D1:I1"/>
    <mergeCell ref="A2:C2"/>
    <mergeCell ref="J2:O2"/>
    <mergeCell ref="P2:R2"/>
    <mergeCell ref="A3:C3"/>
    <mergeCell ref="P3:R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4" firstPageNumber="16" orientation="portrait" useFirstPageNumber="1" r:id="rId1"/>
  <colBreaks count="1" manualBreakCount="1">
    <brk id="9" max="82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5"/>
  <sheetViews>
    <sheetView view="pageBreakPreview" zoomScaleNormal="115" zoomScaleSheetLayoutView="100" workbookViewId="0">
      <selection activeCell="N1" sqref="N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20" width="6.875" style="70" customWidth="1"/>
  </cols>
  <sheetData>
    <row r="1" spans="1:20" ht="18.75" customHeight="1">
      <c r="A1" s="76" t="s">
        <v>89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</row>
    <row r="2" spans="1:20" ht="15" customHeight="1" thickBot="1">
      <c r="A2" s="77" t="s">
        <v>90</v>
      </c>
      <c r="B2" s="77"/>
      <c r="C2" s="77"/>
      <c r="K2" s="187" t="s">
        <v>56</v>
      </c>
      <c r="L2" s="187"/>
      <c r="M2" s="187"/>
    </row>
    <row r="3" spans="1:20" ht="15" customHeight="1">
      <c r="A3" s="78" t="s">
        <v>91</v>
      </c>
      <c r="B3" s="79"/>
      <c r="C3" s="79"/>
      <c r="D3" s="99" t="s">
        <v>92</v>
      </c>
      <c r="E3" s="84" t="s">
        <v>7</v>
      </c>
      <c r="F3" s="99"/>
      <c r="G3" s="99"/>
      <c r="H3" s="84" t="s">
        <v>8</v>
      </c>
      <c r="I3" s="99"/>
      <c r="J3" s="99"/>
      <c r="K3" s="84" t="s">
        <v>93</v>
      </c>
      <c r="L3" s="99"/>
      <c r="M3" s="188"/>
    </row>
    <row r="4" spans="1:20" ht="15" customHeight="1">
      <c r="A4" s="82"/>
      <c r="B4" s="83"/>
      <c r="C4" s="83"/>
      <c r="D4" s="97"/>
      <c r="E4" s="73"/>
      <c r="F4" s="74" t="s">
        <v>37</v>
      </c>
      <c r="G4" s="74" t="s">
        <v>38</v>
      </c>
      <c r="H4" s="73"/>
      <c r="I4" s="74" t="s">
        <v>39</v>
      </c>
      <c r="J4" s="74" t="s">
        <v>40</v>
      </c>
      <c r="K4" s="73"/>
      <c r="L4" s="74" t="s">
        <v>94</v>
      </c>
      <c r="M4" s="121" t="s">
        <v>8</v>
      </c>
    </row>
    <row r="5" spans="1:20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1" t="s">
        <v>11</v>
      </c>
      <c r="L5" s="11" t="s">
        <v>11</v>
      </c>
      <c r="M5" s="141" t="s">
        <v>11</v>
      </c>
    </row>
    <row r="6" spans="1:20" ht="9.75" customHeight="1">
      <c r="A6" s="189" t="s">
        <v>95</v>
      </c>
      <c r="B6" s="190"/>
      <c r="C6" s="16"/>
      <c r="D6" s="17">
        <v>-3276</v>
      </c>
      <c r="E6" s="17">
        <v>-40970</v>
      </c>
      <c r="F6" s="17">
        <v>58118</v>
      </c>
      <c r="G6" s="17">
        <v>99088</v>
      </c>
      <c r="H6" s="17">
        <v>37694</v>
      </c>
      <c r="I6" s="17">
        <v>505665</v>
      </c>
      <c r="J6" s="17">
        <v>467971</v>
      </c>
      <c r="K6" s="191">
        <v>-3.5488432298503216E-2</v>
      </c>
      <c r="L6" s="191">
        <v>-0.44382206082712966</v>
      </c>
      <c r="M6" s="192">
        <v>0.40833362852862642</v>
      </c>
    </row>
    <row r="7" spans="1:20" s="30" customFormat="1" ht="9.75" customHeight="1">
      <c r="A7" s="193" t="s">
        <v>96</v>
      </c>
      <c r="B7" s="194"/>
      <c r="C7" s="32"/>
      <c r="D7" s="195">
        <v>-1715</v>
      </c>
      <c r="E7" s="195">
        <v>-38299</v>
      </c>
      <c r="F7" s="195">
        <v>56806</v>
      </c>
      <c r="G7" s="195">
        <v>95105</v>
      </c>
      <c r="H7" s="195">
        <v>36584</v>
      </c>
      <c r="I7" s="195">
        <v>492360</v>
      </c>
      <c r="J7" s="195">
        <v>455776</v>
      </c>
      <c r="K7" s="196">
        <v>-1.9175078078346348E-2</v>
      </c>
      <c r="L7" s="196">
        <v>-0.42821359494028388</v>
      </c>
      <c r="M7" s="197">
        <v>0.40903851686193754</v>
      </c>
      <c r="N7" s="29"/>
      <c r="O7" s="29"/>
      <c r="P7" s="29"/>
      <c r="Q7" s="29"/>
      <c r="R7" s="29"/>
      <c r="S7" s="29"/>
      <c r="T7" s="29"/>
    </row>
    <row r="8" spans="1:20" s="30" customFormat="1" ht="9.75" customHeight="1">
      <c r="A8" s="193" t="s">
        <v>97</v>
      </c>
      <c r="B8" s="194"/>
      <c r="C8" s="32"/>
      <c r="D8" s="195">
        <v>-1561</v>
      </c>
      <c r="E8" s="195">
        <v>-2671</v>
      </c>
      <c r="F8" s="195">
        <v>1312</v>
      </c>
      <c r="G8" s="195">
        <v>3983</v>
      </c>
      <c r="H8" s="195">
        <v>1110</v>
      </c>
      <c r="I8" s="195">
        <v>13305</v>
      </c>
      <c r="J8" s="195">
        <v>12195</v>
      </c>
      <c r="K8" s="196">
        <v>-0.54337988554560768</v>
      </c>
      <c r="L8" s="196">
        <v>-0.92976788872025518</v>
      </c>
      <c r="M8" s="197">
        <v>0.38638800317464739</v>
      </c>
      <c r="N8" s="29"/>
      <c r="O8" s="29"/>
      <c r="P8" s="29"/>
      <c r="Q8" s="29"/>
      <c r="R8" s="29"/>
      <c r="S8" s="29"/>
      <c r="T8" s="29"/>
    </row>
    <row r="9" spans="1:20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199"/>
      <c r="L9" s="199"/>
      <c r="M9" s="200"/>
    </row>
    <row r="10" spans="1:20" ht="9.75" customHeight="1">
      <c r="A10" s="201" t="s">
        <v>98</v>
      </c>
      <c r="B10" s="202"/>
      <c r="C10" s="46"/>
      <c r="D10" s="203">
        <v>-2434</v>
      </c>
      <c r="E10" s="203">
        <v>-15739</v>
      </c>
      <c r="F10" s="203">
        <v>23785</v>
      </c>
      <c r="G10" s="203">
        <v>39524</v>
      </c>
      <c r="H10" s="203">
        <v>13305</v>
      </c>
      <c r="I10" s="203">
        <v>220196</v>
      </c>
      <c r="J10" s="203">
        <v>206891</v>
      </c>
      <c r="K10" s="204">
        <v>-6.4527605699744098E-2</v>
      </c>
      <c r="L10" s="204">
        <v>-0.41725554071827126</v>
      </c>
      <c r="M10" s="205">
        <v>0.35272793501852717</v>
      </c>
    </row>
    <row r="11" spans="1:20" ht="9.75" customHeight="1">
      <c r="A11" s="37"/>
      <c r="B11" s="108" t="s">
        <v>99</v>
      </c>
      <c r="C11" s="39"/>
      <c r="D11" s="198">
        <v>-599</v>
      </c>
      <c r="E11" s="198">
        <v>-897</v>
      </c>
      <c r="F11" s="198">
        <v>1966</v>
      </c>
      <c r="G11" s="198">
        <v>2863</v>
      </c>
      <c r="H11" s="198">
        <v>298</v>
      </c>
      <c r="I11" s="198">
        <v>17994</v>
      </c>
      <c r="J11" s="198">
        <v>17696</v>
      </c>
      <c r="K11" s="199">
        <v>-0.20265241220650926</v>
      </c>
      <c r="L11" s="199">
        <v>-0.30347114148453885</v>
      </c>
      <c r="M11" s="200">
        <v>0.10081872927802964</v>
      </c>
    </row>
    <row r="12" spans="1:20" ht="9.75" customHeight="1">
      <c r="A12" s="37"/>
      <c r="B12" s="108" t="s">
        <v>100</v>
      </c>
      <c r="C12" s="39"/>
      <c r="D12" s="198">
        <v>1434</v>
      </c>
      <c r="E12" s="198">
        <v>-626</v>
      </c>
      <c r="F12" s="198">
        <v>1736</v>
      </c>
      <c r="G12" s="198">
        <v>2362</v>
      </c>
      <c r="H12" s="198">
        <v>2060</v>
      </c>
      <c r="I12" s="198">
        <v>18978</v>
      </c>
      <c r="J12" s="198">
        <v>16918</v>
      </c>
      <c r="K12" s="199">
        <v>0.57952506425696326</v>
      </c>
      <c r="L12" s="199">
        <v>-0.25298653432695883</v>
      </c>
      <c r="M12" s="200">
        <v>0.83251159858392199</v>
      </c>
    </row>
    <row r="13" spans="1:20" ht="9.75" customHeight="1">
      <c r="A13" s="37"/>
      <c r="B13" s="108" t="s">
        <v>101</v>
      </c>
      <c r="C13" s="39"/>
      <c r="D13" s="198">
        <v>1151</v>
      </c>
      <c r="E13" s="198">
        <v>-224</v>
      </c>
      <c r="F13" s="198">
        <v>718</v>
      </c>
      <c r="G13" s="198">
        <v>942</v>
      </c>
      <c r="H13" s="198">
        <v>1375</v>
      </c>
      <c r="I13" s="198">
        <v>10364</v>
      </c>
      <c r="J13" s="198">
        <v>8989</v>
      </c>
      <c r="K13" s="199">
        <v>1.1016146167319085</v>
      </c>
      <c r="L13" s="199">
        <v>-0.21438894365590574</v>
      </c>
      <c r="M13" s="200">
        <v>1.3160035603878142</v>
      </c>
    </row>
    <row r="14" spans="1:20" ht="9.75" customHeight="1">
      <c r="A14" s="37"/>
      <c r="B14" s="108" t="s">
        <v>102</v>
      </c>
      <c r="C14" s="39"/>
      <c r="D14" s="198">
        <v>760</v>
      </c>
      <c r="E14" s="198">
        <v>-1089</v>
      </c>
      <c r="F14" s="198">
        <v>763</v>
      </c>
      <c r="G14" s="198">
        <v>1852</v>
      </c>
      <c r="H14" s="198">
        <v>1849</v>
      </c>
      <c r="I14" s="198">
        <v>13995</v>
      </c>
      <c r="J14" s="198">
        <v>12146</v>
      </c>
      <c r="K14" s="199">
        <v>0.50575293968896196</v>
      </c>
      <c r="L14" s="199">
        <v>-0.72469072542273627</v>
      </c>
      <c r="M14" s="200">
        <v>1.2304436651116981</v>
      </c>
    </row>
    <row r="15" spans="1:20" ht="9.75" customHeight="1">
      <c r="A15" s="37"/>
      <c r="B15" s="108" t="s">
        <v>103</v>
      </c>
      <c r="C15" s="39"/>
      <c r="D15" s="198">
        <v>-87</v>
      </c>
      <c r="E15" s="198">
        <v>-1440</v>
      </c>
      <c r="F15" s="198">
        <v>1067</v>
      </c>
      <c r="G15" s="198">
        <v>2507</v>
      </c>
      <c r="H15" s="198">
        <v>1353</v>
      </c>
      <c r="I15" s="198">
        <v>13941</v>
      </c>
      <c r="J15" s="198">
        <v>12588</v>
      </c>
      <c r="K15" s="199">
        <v>-4.404684153769043E-2</v>
      </c>
      <c r="L15" s="199">
        <v>-0.729051170279014</v>
      </c>
      <c r="M15" s="200">
        <v>0.68500432874132355</v>
      </c>
    </row>
    <row r="16" spans="1:20" ht="9.75" customHeight="1">
      <c r="A16" s="37"/>
      <c r="B16" s="108" t="s">
        <v>104</v>
      </c>
      <c r="C16" s="39"/>
      <c r="D16" s="198">
        <v>-910</v>
      </c>
      <c r="E16" s="198">
        <v>-1200</v>
      </c>
      <c r="F16" s="198">
        <v>1232</v>
      </c>
      <c r="G16" s="198">
        <v>2432</v>
      </c>
      <c r="H16" s="198">
        <v>290</v>
      </c>
      <c r="I16" s="198">
        <v>9623</v>
      </c>
      <c r="J16" s="198">
        <v>9333</v>
      </c>
      <c r="K16" s="199">
        <v>-0.42281922851753073</v>
      </c>
      <c r="L16" s="199">
        <v>-0.55756381782531528</v>
      </c>
      <c r="M16" s="200">
        <v>0.13474458930778452</v>
      </c>
    </row>
    <row r="17" spans="1:13" ht="9.75" customHeight="1">
      <c r="A17" s="37"/>
      <c r="B17" s="108" t="s">
        <v>105</v>
      </c>
      <c r="C17" s="39"/>
      <c r="D17" s="198">
        <v>-779</v>
      </c>
      <c r="E17" s="198">
        <v>-1383</v>
      </c>
      <c r="F17" s="198">
        <v>1174</v>
      </c>
      <c r="G17" s="198">
        <v>2557</v>
      </c>
      <c r="H17" s="198">
        <v>604</v>
      </c>
      <c r="I17" s="198">
        <v>11868</v>
      </c>
      <c r="J17" s="198">
        <v>11264</v>
      </c>
      <c r="K17" s="199">
        <v>-0.37700054686857248</v>
      </c>
      <c r="L17" s="199">
        <v>-0.66930905817616915</v>
      </c>
      <c r="M17" s="200">
        <v>0.29230851130759661</v>
      </c>
    </row>
    <row r="18" spans="1:13" ht="9.75" customHeight="1">
      <c r="A18" s="37"/>
      <c r="B18" s="108" t="s">
        <v>106</v>
      </c>
      <c r="C18" s="39"/>
      <c r="D18" s="198">
        <v>-977</v>
      </c>
      <c r="E18" s="198">
        <v>-1773</v>
      </c>
      <c r="F18" s="198">
        <v>1369</v>
      </c>
      <c r="G18" s="198">
        <v>3142</v>
      </c>
      <c r="H18" s="198">
        <v>796</v>
      </c>
      <c r="I18" s="198">
        <v>10453</v>
      </c>
      <c r="J18" s="198">
        <v>9657</v>
      </c>
      <c r="K18" s="199">
        <v>-0.40146450305926634</v>
      </c>
      <c r="L18" s="199">
        <v>-0.72855328958452326</v>
      </c>
      <c r="M18" s="200">
        <v>0.32708878652525691</v>
      </c>
    </row>
    <row r="19" spans="1:13" ht="9.75" customHeight="1">
      <c r="A19" s="37"/>
      <c r="B19" s="108" t="s">
        <v>107</v>
      </c>
      <c r="C19" s="39"/>
      <c r="D19" s="198">
        <v>-810</v>
      </c>
      <c r="E19" s="198">
        <v>-940</v>
      </c>
      <c r="F19" s="198">
        <v>977</v>
      </c>
      <c r="G19" s="198">
        <v>1917</v>
      </c>
      <c r="H19" s="198">
        <v>130</v>
      </c>
      <c r="I19" s="198">
        <v>8918</v>
      </c>
      <c r="J19" s="198">
        <v>8788</v>
      </c>
      <c r="K19" s="199">
        <v>-0.4871887405268856</v>
      </c>
      <c r="L19" s="199">
        <v>-0.56537952604354624</v>
      </c>
      <c r="M19" s="200">
        <v>7.8190785516660657E-2</v>
      </c>
    </row>
    <row r="20" spans="1:13" ht="9.75" customHeight="1">
      <c r="A20" s="37"/>
      <c r="B20" s="108" t="s">
        <v>108</v>
      </c>
      <c r="C20" s="39"/>
      <c r="D20" s="198">
        <v>-1754</v>
      </c>
      <c r="E20" s="198">
        <v>-1379</v>
      </c>
      <c r="F20" s="198">
        <v>948</v>
      </c>
      <c r="G20" s="198">
        <v>2327</v>
      </c>
      <c r="H20" s="198">
        <v>-375</v>
      </c>
      <c r="I20" s="198">
        <v>8636</v>
      </c>
      <c r="J20" s="198">
        <v>9011</v>
      </c>
      <c r="K20" s="199">
        <v>-0.88744523036135314</v>
      </c>
      <c r="L20" s="199">
        <v>-0.69771207107657129</v>
      </c>
      <c r="M20" s="200">
        <v>-0.18973315928478188</v>
      </c>
    </row>
    <row r="21" spans="1:13" ht="9.75" customHeight="1">
      <c r="A21" s="37"/>
      <c r="B21" s="108" t="s">
        <v>109</v>
      </c>
      <c r="C21" s="39"/>
      <c r="D21" s="198">
        <v>2563</v>
      </c>
      <c r="E21" s="198">
        <v>-3</v>
      </c>
      <c r="F21" s="198">
        <v>2973</v>
      </c>
      <c r="G21" s="198">
        <v>2976</v>
      </c>
      <c r="H21" s="198">
        <v>2566</v>
      </c>
      <c r="I21" s="198">
        <v>25989</v>
      </c>
      <c r="J21" s="198">
        <v>23423</v>
      </c>
      <c r="K21" s="199">
        <v>0.71289298817037106</v>
      </c>
      <c r="L21" s="199">
        <v>-8.3444360691030568E-4</v>
      </c>
      <c r="M21" s="200">
        <v>0.71372743177728137</v>
      </c>
    </row>
    <row r="22" spans="1:13" ht="9.75" customHeight="1">
      <c r="A22" s="37"/>
      <c r="B22" s="108" t="s">
        <v>110</v>
      </c>
      <c r="C22" s="39"/>
      <c r="D22" s="198">
        <v>-432</v>
      </c>
      <c r="E22" s="198">
        <v>-620</v>
      </c>
      <c r="F22" s="198">
        <v>1174</v>
      </c>
      <c r="G22" s="198">
        <v>1794</v>
      </c>
      <c r="H22" s="198">
        <v>188</v>
      </c>
      <c r="I22" s="198">
        <v>9411</v>
      </c>
      <c r="J22" s="198">
        <v>9223</v>
      </c>
      <c r="K22" s="199">
        <v>-0.23577954612437368</v>
      </c>
      <c r="L22" s="199">
        <v>-0.33838731156738816</v>
      </c>
      <c r="M22" s="200">
        <v>0.10260776544301449</v>
      </c>
    </row>
    <row r="23" spans="1:13" ht="9.75" customHeight="1">
      <c r="A23" s="37"/>
      <c r="B23" s="108" t="s">
        <v>111</v>
      </c>
      <c r="C23" s="39"/>
      <c r="D23" s="198">
        <v>-675</v>
      </c>
      <c r="E23" s="198">
        <v>-608</v>
      </c>
      <c r="F23" s="198">
        <v>1927</v>
      </c>
      <c r="G23" s="198">
        <v>2535</v>
      </c>
      <c r="H23" s="198">
        <v>-67</v>
      </c>
      <c r="I23" s="198">
        <v>16883</v>
      </c>
      <c r="J23" s="198">
        <v>16950</v>
      </c>
      <c r="K23" s="199">
        <v>-0.21693995744762909</v>
      </c>
      <c r="L23" s="199">
        <v>-0.19540665796764217</v>
      </c>
      <c r="M23" s="200">
        <v>-2.1533299479986889E-2</v>
      </c>
    </row>
    <row r="24" spans="1:13" ht="9.75" customHeight="1">
      <c r="A24" s="37"/>
      <c r="B24" s="108" t="s">
        <v>112</v>
      </c>
      <c r="C24" s="39"/>
      <c r="D24" s="198">
        <v>-5</v>
      </c>
      <c r="E24" s="198">
        <v>-160</v>
      </c>
      <c r="F24" s="198">
        <v>1414</v>
      </c>
      <c r="G24" s="198">
        <v>1574</v>
      </c>
      <c r="H24" s="198">
        <v>155</v>
      </c>
      <c r="I24" s="198">
        <v>12157</v>
      </c>
      <c r="J24" s="198">
        <v>12002</v>
      </c>
      <c r="K24" s="199">
        <v>-2.3267610090697147E-3</v>
      </c>
      <c r="L24" s="199">
        <v>-7.4456352290230871E-2</v>
      </c>
      <c r="M24" s="200">
        <v>7.2129591281161157E-2</v>
      </c>
    </row>
    <row r="25" spans="1:13" ht="9.75" customHeight="1">
      <c r="A25" s="37"/>
      <c r="B25" s="108" t="s">
        <v>113</v>
      </c>
      <c r="C25" s="39"/>
      <c r="D25" s="198">
        <v>-569</v>
      </c>
      <c r="E25" s="198">
        <v>-1061</v>
      </c>
      <c r="F25" s="198">
        <v>1888</v>
      </c>
      <c r="G25" s="198">
        <v>2949</v>
      </c>
      <c r="H25" s="198">
        <v>492</v>
      </c>
      <c r="I25" s="198">
        <v>12856</v>
      </c>
      <c r="J25" s="198">
        <v>12364</v>
      </c>
      <c r="K25" s="199">
        <v>-0.2002928711226257</v>
      </c>
      <c r="L25" s="199">
        <v>-0.37348108305994004</v>
      </c>
      <c r="M25" s="200">
        <v>0.17318821193731432</v>
      </c>
    </row>
    <row r="26" spans="1:13" ht="9.75" customHeight="1">
      <c r="A26" s="37"/>
      <c r="B26" s="108" t="s">
        <v>114</v>
      </c>
      <c r="C26" s="39"/>
      <c r="D26" s="198">
        <v>361</v>
      </c>
      <c r="E26" s="198">
        <v>-668</v>
      </c>
      <c r="F26" s="198">
        <v>754</v>
      </c>
      <c r="G26" s="198">
        <v>1422</v>
      </c>
      <c r="H26" s="198">
        <v>1029</v>
      </c>
      <c r="I26" s="198">
        <v>6334</v>
      </c>
      <c r="J26" s="198">
        <v>5305</v>
      </c>
      <c r="K26" s="199">
        <v>0.29930438675764637</v>
      </c>
      <c r="L26" s="199">
        <v>-0.55383748020528467</v>
      </c>
      <c r="M26" s="200">
        <v>0.85314186696293115</v>
      </c>
    </row>
    <row r="27" spans="1:13" ht="9.75" customHeight="1">
      <c r="A27" s="37"/>
      <c r="B27" s="108" t="s">
        <v>115</v>
      </c>
      <c r="C27" s="39"/>
      <c r="D27" s="198">
        <v>-670</v>
      </c>
      <c r="E27" s="198">
        <v>-825</v>
      </c>
      <c r="F27" s="198">
        <v>992</v>
      </c>
      <c r="G27" s="198">
        <v>1817</v>
      </c>
      <c r="H27" s="198">
        <v>155</v>
      </c>
      <c r="I27" s="198">
        <v>6309</v>
      </c>
      <c r="J27" s="198">
        <v>6154</v>
      </c>
      <c r="K27" s="199">
        <v>-0.44053732403163975</v>
      </c>
      <c r="L27" s="199">
        <v>-0.5424526751135863</v>
      </c>
      <c r="M27" s="200">
        <v>0.10191535108194652</v>
      </c>
    </row>
    <row r="28" spans="1:13" ht="9.75" customHeight="1">
      <c r="A28" s="37"/>
      <c r="B28" s="108" t="s">
        <v>116</v>
      </c>
      <c r="C28" s="39"/>
      <c r="D28" s="198">
        <v>-436</v>
      </c>
      <c r="E28" s="198">
        <v>-843</v>
      </c>
      <c r="F28" s="198">
        <v>713</v>
      </c>
      <c r="G28" s="198">
        <v>1556</v>
      </c>
      <c r="H28" s="198">
        <v>407</v>
      </c>
      <c r="I28" s="198">
        <v>5487</v>
      </c>
      <c r="J28" s="198">
        <v>5080</v>
      </c>
      <c r="K28" s="199">
        <v>-0.35722478943401176</v>
      </c>
      <c r="L28" s="199">
        <v>-0.69068921443319242</v>
      </c>
      <c r="M28" s="200">
        <v>0.33346442499918066</v>
      </c>
    </row>
    <row r="29" spans="1:13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199"/>
      <c r="L29" s="199"/>
      <c r="M29" s="200"/>
    </row>
    <row r="30" spans="1:13" ht="9.75" customHeight="1">
      <c r="A30" s="201" t="s">
        <v>117</v>
      </c>
      <c r="B30" s="202"/>
      <c r="C30" s="46"/>
      <c r="D30" s="203">
        <v>1691</v>
      </c>
      <c r="E30" s="203">
        <v>-2092</v>
      </c>
      <c r="F30" s="203">
        <v>11556</v>
      </c>
      <c r="G30" s="203">
        <v>13648</v>
      </c>
      <c r="H30" s="203">
        <v>3783</v>
      </c>
      <c r="I30" s="203">
        <v>104623</v>
      </c>
      <c r="J30" s="203">
        <v>100840</v>
      </c>
      <c r="K30" s="204">
        <v>0.10988903871460368</v>
      </c>
      <c r="L30" s="204">
        <v>-0.13594788231280358</v>
      </c>
      <c r="M30" s="205">
        <v>0.24583692102740726</v>
      </c>
    </row>
    <row r="31" spans="1:13" ht="9.75" customHeight="1">
      <c r="A31" s="37"/>
      <c r="B31" s="108" t="s">
        <v>118</v>
      </c>
      <c r="C31" s="39"/>
      <c r="D31" s="198">
        <v>-535</v>
      </c>
      <c r="E31" s="198">
        <v>-1338</v>
      </c>
      <c r="F31" s="198">
        <v>1392</v>
      </c>
      <c r="G31" s="198">
        <v>2730</v>
      </c>
      <c r="H31" s="198">
        <v>803</v>
      </c>
      <c r="I31" s="198">
        <v>15657</v>
      </c>
      <c r="J31" s="198">
        <v>14854</v>
      </c>
      <c r="K31" s="199">
        <v>-0.23205076490004467</v>
      </c>
      <c r="L31" s="199">
        <v>-0.58034378212385007</v>
      </c>
      <c r="M31" s="200">
        <v>0.34829301722380535</v>
      </c>
    </row>
    <row r="32" spans="1:13" ht="9.75" customHeight="1">
      <c r="A32" s="37"/>
      <c r="B32" s="108" t="s">
        <v>119</v>
      </c>
      <c r="C32" s="39"/>
      <c r="D32" s="198">
        <v>318</v>
      </c>
      <c r="E32" s="198">
        <v>-209</v>
      </c>
      <c r="F32" s="198">
        <v>1522</v>
      </c>
      <c r="G32" s="198">
        <v>1731</v>
      </c>
      <c r="H32" s="198">
        <v>527</v>
      </c>
      <c r="I32" s="198">
        <v>10718</v>
      </c>
      <c r="J32" s="198">
        <v>10191</v>
      </c>
      <c r="K32" s="199">
        <v>0.18566957821476948</v>
      </c>
      <c r="L32" s="199">
        <v>-0.12202811901536738</v>
      </c>
      <c r="M32" s="200">
        <v>0.30769769723013685</v>
      </c>
    </row>
    <row r="33" spans="1:13" ht="9.75" customHeight="1">
      <c r="A33" s="37"/>
      <c r="B33" s="108" t="s">
        <v>120</v>
      </c>
      <c r="C33" s="39"/>
      <c r="D33" s="198">
        <v>1005</v>
      </c>
      <c r="E33" s="198">
        <v>551</v>
      </c>
      <c r="F33" s="198">
        <v>2397</v>
      </c>
      <c r="G33" s="198">
        <v>1846</v>
      </c>
      <c r="H33" s="198">
        <v>454</v>
      </c>
      <c r="I33" s="198">
        <v>21669</v>
      </c>
      <c r="J33" s="198">
        <v>21215</v>
      </c>
      <c r="K33" s="199">
        <v>0.38037348512947838</v>
      </c>
      <c r="L33" s="199">
        <v>0.20854307493168417</v>
      </c>
      <c r="M33" s="200">
        <v>0.17183041019779421</v>
      </c>
    </row>
    <row r="34" spans="1:13" ht="9.75" customHeight="1">
      <c r="A34" s="37"/>
      <c r="B34" s="108" t="s">
        <v>121</v>
      </c>
      <c r="C34" s="39"/>
      <c r="D34" s="198">
        <v>-598</v>
      </c>
      <c r="E34" s="198">
        <v>-142</v>
      </c>
      <c r="F34" s="198">
        <v>1807</v>
      </c>
      <c r="G34" s="198">
        <v>1949</v>
      </c>
      <c r="H34" s="198">
        <v>-456</v>
      </c>
      <c r="I34" s="198">
        <v>15832</v>
      </c>
      <c r="J34" s="198">
        <v>16288</v>
      </c>
      <c r="K34" s="199">
        <v>-0.25503458746662799</v>
      </c>
      <c r="L34" s="199">
        <v>-6.0560052542242768E-2</v>
      </c>
      <c r="M34" s="200">
        <v>-0.19447453492438524</v>
      </c>
    </row>
    <row r="35" spans="1:13" ht="9.75" customHeight="1">
      <c r="A35" s="37"/>
      <c r="B35" s="108" t="s">
        <v>122</v>
      </c>
      <c r="C35" s="39"/>
      <c r="D35" s="198">
        <v>434</v>
      </c>
      <c r="E35" s="198">
        <v>-320</v>
      </c>
      <c r="F35" s="198">
        <v>1631</v>
      </c>
      <c r="G35" s="198">
        <v>1951</v>
      </c>
      <c r="H35" s="198">
        <v>754</v>
      </c>
      <c r="I35" s="198">
        <v>13921</v>
      </c>
      <c r="J35" s="198">
        <v>13167</v>
      </c>
      <c r="K35" s="199">
        <v>0.18515832316526876</v>
      </c>
      <c r="L35" s="199">
        <v>-0.13652226592830874</v>
      </c>
      <c r="M35" s="200">
        <v>0.3216805890935775</v>
      </c>
    </row>
    <row r="36" spans="1:13" ht="9.75" customHeight="1">
      <c r="A36" s="37"/>
      <c r="B36" s="108" t="s">
        <v>123</v>
      </c>
      <c r="C36" s="39"/>
      <c r="D36" s="198">
        <v>1088</v>
      </c>
      <c r="E36" s="198">
        <v>-114</v>
      </c>
      <c r="F36" s="198">
        <v>1724</v>
      </c>
      <c r="G36" s="198">
        <v>1838</v>
      </c>
      <c r="H36" s="198">
        <v>1202</v>
      </c>
      <c r="I36" s="198">
        <v>16625</v>
      </c>
      <c r="J36" s="198">
        <v>15423</v>
      </c>
      <c r="K36" s="199">
        <v>0.48769992110736565</v>
      </c>
      <c r="L36" s="199">
        <v>-5.1100910851323247E-2</v>
      </c>
      <c r="M36" s="200">
        <v>0.538800831958689</v>
      </c>
    </row>
    <row r="37" spans="1:13" ht="9.75" customHeight="1">
      <c r="A37" s="37"/>
      <c r="B37" s="108" t="s">
        <v>124</v>
      </c>
      <c r="C37" s="39"/>
      <c r="D37" s="198">
        <v>-21</v>
      </c>
      <c r="E37" s="198">
        <v>-520</v>
      </c>
      <c r="F37" s="198">
        <v>1083</v>
      </c>
      <c r="G37" s="198">
        <v>1603</v>
      </c>
      <c r="H37" s="198">
        <v>499</v>
      </c>
      <c r="I37" s="198">
        <v>10201</v>
      </c>
      <c r="J37" s="198">
        <v>9702</v>
      </c>
      <c r="K37" s="199">
        <v>-1.1613374182916173E-2</v>
      </c>
      <c r="L37" s="199">
        <v>-0.28756926548173384</v>
      </c>
      <c r="M37" s="200">
        <v>0.27595589129881765</v>
      </c>
    </row>
    <row r="38" spans="1:13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199"/>
      <c r="L38" s="199"/>
      <c r="M38" s="200"/>
    </row>
    <row r="39" spans="1:13" ht="9.75" customHeight="1">
      <c r="A39" s="201" t="s">
        <v>125</v>
      </c>
      <c r="B39" s="202"/>
      <c r="C39" s="46"/>
      <c r="D39" s="203">
        <v>6</v>
      </c>
      <c r="E39" s="203">
        <v>-3798</v>
      </c>
      <c r="F39" s="203">
        <v>4257</v>
      </c>
      <c r="G39" s="203">
        <v>8055</v>
      </c>
      <c r="H39" s="203">
        <v>3804</v>
      </c>
      <c r="I39" s="203">
        <v>35573</v>
      </c>
      <c r="J39" s="203">
        <v>31769</v>
      </c>
      <c r="K39" s="204">
        <v>8.2641782307771772E-4</v>
      </c>
      <c r="L39" s="204">
        <v>-0.52312248200819533</v>
      </c>
      <c r="M39" s="205">
        <v>0.52394889983127302</v>
      </c>
    </row>
    <row r="40" spans="1:13" ht="9.75" customHeight="1">
      <c r="A40" s="37"/>
      <c r="B40" s="108" t="s">
        <v>110</v>
      </c>
      <c r="C40" s="39"/>
      <c r="D40" s="198">
        <v>-771</v>
      </c>
      <c r="E40" s="198">
        <v>-1071</v>
      </c>
      <c r="F40" s="198">
        <v>892</v>
      </c>
      <c r="G40" s="198">
        <v>1963</v>
      </c>
      <c r="H40" s="198">
        <v>300</v>
      </c>
      <c r="I40" s="198">
        <v>7307</v>
      </c>
      <c r="J40" s="198">
        <v>7007</v>
      </c>
      <c r="K40" s="199">
        <v>-0.45497194044647443</v>
      </c>
      <c r="L40" s="199">
        <v>-0.63200382388868237</v>
      </c>
      <c r="M40" s="200">
        <v>0.17703188344220794</v>
      </c>
    </row>
    <row r="41" spans="1:13" ht="9.75" customHeight="1">
      <c r="A41" s="37"/>
      <c r="B41" s="108" t="s">
        <v>126</v>
      </c>
      <c r="C41" s="39"/>
      <c r="D41" s="198">
        <v>400</v>
      </c>
      <c r="E41" s="198">
        <v>-1426</v>
      </c>
      <c r="F41" s="198">
        <v>1621</v>
      </c>
      <c r="G41" s="198">
        <v>3047</v>
      </c>
      <c r="H41" s="198">
        <v>1826</v>
      </c>
      <c r="I41" s="198">
        <v>13171</v>
      </c>
      <c r="J41" s="198">
        <v>11345</v>
      </c>
      <c r="K41" s="199">
        <v>0.14594811544495931</v>
      </c>
      <c r="L41" s="199">
        <v>-0.52030503156127994</v>
      </c>
      <c r="M41" s="200">
        <v>0.66625314700623928</v>
      </c>
    </row>
    <row r="42" spans="1:13" ht="9.75" customHeight="1">
      <c r="A42" s="37"/>
      <c r="B42" s="108" t="s">
        <v>103</v>
      </c>
      <c r="C42" s="39"/>
      <c r="D42" s="198">
        <v>377</v>
      </c>
      <c r="E42" s="198">
        <v>-1301</v>
      </c>
      <c r="F42" s="198">
        <v>1744</v>
      </c>
      <c r="G42" s="198">
        <v>3045</v>
      </c>
      <c r="H42" s="198">
        <v>1678</v>
      </c>
      <c r="I42" s="198">
        <v>15095</v>
      </c>
      <c r="J42" s="198">
        <v>13417</v>
      </c>
      <c r="K42" s="199">
        <v>0.13345416185830497</v>
      </c>
      <c r="L42" s="199">
        <v>-0.46054075484789059</v>
      </c>
      <c r="M42" s="200">
        <v>0.59399491670619553</v>
      </c>
    </row>
    <row r="43" spans="1:13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199"/>
      <c r="L43" s="199"/>
      <c r="M43" s="200"/>
    </row>
    <row r="44" spans="1:13" ht="9.75" customHeight="1">
      <c r="A44" s="206" t="s">
        <v>127</v>
      </c>
      <c r="B44" s="207"/>
      <c r="C44" s="39"/>
      <c r="D44" s="198">
        <v>-4446</v>
      </c>
      <c r="E44" s="198">
        <v>-3542</v>
      </c>
      <c r="F44" s="198">
        <v>1863</v>
      </c>
      <c r="G44" s="198">
        <v>5405</v>
      </c>
      <c r="H44" s="198">
        <v>-904</v>
      </c>
      <c r="I44" s="198">
        <v>14499</v>
      </c>
      <c r="J44" s="198">
        <v>15403</v>
      </c>
      <c r="K44" s="199">
        <v>-1.1600480091843657</v>
      </c>
      <c r="L44" s="199">
        <v>-0.9241767990398162</v>
      </c>
      <c r="M44" s="200">
        <v>-0.23587121014454937</v>
      </c>
    </row>
    <row r="45" spans="1:13" ht="9.75" customHeight="1">
      <c r="A45" s="206" t="s">
        <v>128</v>
      </c>
      <c r="B45" s="207"/>
      <c r="C45" s="39"/>
      <c r="D45" s="198">
        <v>18</v>
      </c>
      <c r="E45" s="198">
        <v>-1658</v>
      </c>
      <c r="F45" s="198">
        <v>1374</v>
      </c>
      <c r="G45" s="198">
        <v>3032</v>
      </c>
      <c r="H45" s="198">
        <v>1676</v>
      </c>
      <c r="I45" s="198">
        <v>10047</v>
      </c>
      <c r="J45" s="198">
        <v>8371</v>
      </c>
      <c r="K45" s="199">
        <v>6.9867368445567495E-3</v>
      </c>
      <c r="L45" s="199">
        <v>-0.64355609379306067</v>
      </c>
      <c r="M45" s="200">
        <v>0.65054283063761731</v>
      </c>
    </row>
    <row r="46" spans="1:13" ht="9.75" customHeight="1">
      <c r="A46" s="206" t="s">
        <v>129</v>
      </c>
      <c r="B46" s="207"/>
      <c r="C46" s="39"/>
      <c r="D46" s="198">
        <v>-591</v>
      </c>
      <c r="E46" s="198">
        <v>-1454</v>
      </c>
      <c r="F46" s="198">
        <v>889</v>
      </c>
      <c r="G46" s="198">
        <v>2343</v>
      </c>
      <c r="H46" s="198">
        <v>863</v>
      </c>
      <c r="I46" s="198">
        <v>7751</v>
      </c>
      <c r="J46" s="198">
        <v>6888</v>
      </c>
      <c r="K46" s="199">
        <v>-0.34221589132474028</v>
      </c>
      <c r="L46" s="199">
        <v>-0.84193215902905649</v>
      </c>
      <c r="M46" s="200">
        <v>0.49971626770431621</v>
      </c>
    </row>
    <row r="47" spans="1:13" ht="9.75" customHeight="1">
      <c r="A47" s="206" t="s">
        <v>130</v>
      </c>
      <c r="B47" s="207"/>
      <c r="C47" s="39"/>
      <c r="D47" s="198">
        <v>2124</v>
      </c>
      <c r="E47" s="198">
        <v>-1335</v>
      </c>
      <c r="F47" s="198">
        <v>3058</v>
      </c>
      <c r="G47" s="198">
        <v>4393</v>
      </c>
      <c r="H47" s="198">
        <v>3459</v>
      </c>
      <c r="I47" s="198">
        <v>21480</v>
      </c>
      <c r="J47" s="198">
        <v>18021</v>
      </c>
      <c r="K47" s="199">
        <v>0.4808606590779429</v>
      </c>
      <c r="L47" s="199">
        <v>-0.30223586622836807</v>
      </c>
      <c r="M47" s="200">
        <v>0.78309652530631091</v>
      </c>
    </row>
    <row r="48" spans="1:13" ht="9.75" customHeight="1">
      <c r="A48" s="206" t="s">
        <v>131</v>
      </c>
      <c r="B48" s="207"/>
      <c r="C48" s="39"/>
      <c r="D48" s="198">
        <v>-859</v>
      </c>
      <c r="E48" s="198">
        <v>-1620</v>
      </c>
      <c r="F48" s="198">
        <v>1033</v>
      </c>
      <c r="G48" s="198">
        <v>2653</v>
      </c>
      <c r="H48" s="198">
        <v>761</v>
      </c>
      <c r="I48" s="198">
        <v>7863</v>
      </c>
      <c r="J48" s="198">
        <v>7102</v>
      </c>
      <c r="K48" s="199">
        <v>-0.45685414173647121</v>
      </c>
      <c r="L48" s="199">
        <v>-0.86158755484643001</v>
      </c>
      <c r="M48" s="200">
        <v>0.40473341310995875</v>
      </c>
    </row>
    <row r="49" spans="1:13" ht="9.75" customHeight="1">
      <c r="A49" s="206" t="s">
        <v>132</v>
      </c>
      <c r="B49" s="207"/>
      <c r="C49" s="39"/>
      <c r="D49" s="198">
        <v>524</v>
      </c>
      <c r="E49" s="198">
        <v>-978</v>
      </c>
      <c r="F49" s="198">
        <v>1527</v>
      </c>
      <c r="G49" s="198">
        <v>2505</v>
      </c>
      <c r="H49" s="198">
        <v>1502</v>
      </c>
      <c r="I49" s="198">
        <v>9992</v>
      </c>
      <c r="J49" s="198">
        <v>8490</v>
      </c>
      <c r="K49" s="199">
        <v>0.21489941968954418</v>
      </c>
      <c r="L49" s="199">
        <v>-0.40109090163430189</v>
      </c>
      <c r="M49" s="200">
        <v>0.61599032132384601</v>
      </c>
    </row>
    <row r="50" spans="1:13" ht="9.75" customHeight="1">
      <c r="A50" s="206" t="s">
        <v>133</v>
      </c>
      <c r="B50" s="207"/>
      <c r="C50" s="39"/>
      <c r="D50" s="198">
        <v>-432</v>
      </c>
      <c r="E50" s="198">
        <v>-494</v>
      </c>
      <c r="F50" s="198">
        <v>314</v>
      </c>
      <c r="G50" s="198">
        <v>808</v>
      </c>
      <c r="H50" s="198">
        <v>62</v>
      </c>
      <c r="I50" s="198">
        <v>2350</v>
      </c>
      <c r="J50" s="198">
        <v>2288</v>
      </c>
      <c r="K50" s="199">
        <v>-0.75964057746751312</v>
      </c>
      <c r="L50" s="199">
        <v>-0.86866306775220237</v>
      </c>
      <c r="M50" s="200">
        <v>0.10902249028468937</v>
      </c>
    </row>
    <row r="51" spans="1:13" ht="9.75" customHeight="1">
      <c r="A51" s="206" t="s">
        <v>134</v>
      </c>
      <c r="B51" s="207"/>
      <c r="C51" s="39"/>
      <c r="D51" s="198">
        <v>-520</v>
      </c>
      <c r="E51" s="198">
        <v>-573</v>
      </c>
      <c r="F51" s="198">
        <v>140</v>
      </c>
      <c r="G51" s="198">
        <v>713</v>
      </c>
      <c r="H51" s="198">
        <v>53</v>
      </c>
      <c r="I51" s="198">
        <v>1291</v>
      </c>
      <c r="J51" s="198">
        <v>1238</v>
      </c>
      <c r="K51" s="199">
        <v>-1.2572229878387853</v>
      </c>
      <c r="L51" s="199">
        <v>-1.3853630231377385</v>
      </c>
      <c r="M51" s="200">
        <v>0.12814003529895313</v>
      </c>
    </row>
    <row r="52" spans="1:13" ht="9.75" customHeight="1">
      <c r="A52" s="206" t="s">
        <v>135</v>
      </c>
      <c r="B52" s="207"/>
      <c r="C52" s="39"/>
      <c r="D52" s="198">
        <v>-339</v>
      </c>
      <c r="E52" s="198">
        <v>-1119</v>
      </c>
      <c r="F52" s="198">
        <v>739</v>
      </c>
      <c r="G52" s="198">
        <v>1858</v>
      </c>
      <c r="H52" s="198">
        <v>780</v>
      </c>
      <c r="I52" s="198">
        <v>6469</v>
      </c>
      <c r="J52" s="198">
        <v>5689</v>
      </c>
      <c r="K52" s="199">
        <v>-0.20932515792008596</v>
      </c>
      <c r="L52" s="199">
        <v>-0.69095826463886778</v>
      </c>
      <c r="M52" s="200">
        <v>0.4816331067187819</v>
      </c>
    </row>
    <row r="53" spans="1:13" ht="9.75" customHeight="1">
      <c r="A53" s="206" t="s">
        <v>136</v>
      </c>
      <c r="B53" s="207"/>
      <c r="C53" s="39"/>
      <c r="D53" s="198">
        <v>385</v>
      </c>
      <c r="E53" s="198">
        <v>-1081</v>
      </c>
      <c r="F53" s="198">
        <v>1283</v>
      </c>
      <c r="G53" s="198">
        <v>2364</v>
      </c>
      <c r="H53" s="198">
        <v>1466</v>
      </c>
      <c r="I53" s="198">
        <v>10939</v>
      </c>
      <c r="J53" s="198">
        <v>9473</v>
      </c>
      <c r="K53" s="199">
        <v>0.17220480294850407</v>
      </c>
      <c r="L53" s="199">
        <v>-0.48351530386320229</v>
      </c>
      <c r="M53" s="200">
        <v>0.65572010681170634</v>
      </c>
    </row>
    <row r="54" spans="1:13" ht="9.75" customHeight="1">
      <c r="A54" s="206" t="s">
        <v>137</v>
      </c>
      <c r="B54" s="207"/>
      <c r="C54" s="39"/>
      <c r="D54" s="198">
        <v>1484</v>
      </c>
      <c r="E54" s="198">
        <v>-621</v>
      </c>
      <c r="F54" s="198">
        <v>1839</v>
      </c>
      <c r="G54" s="198">
        <v>2460</v>
      </c>
      <c r="H54" s="198">
        <v>2105</v>
      </c>
      <c r="I54" s="198">
        <v>13574</v>
      </c>
      <c r="J54" s="198">
        <v>11469</v>
      </c>
      <c r="K54" s="199">
        <v>0.61428163405537639</v>
      </c>
      <c r="L54" s="199">
        <v>-0.25705451128597623</v>
      </c>
      <c r="M54" s="200">
        <v>0.87133614534135262</v>
      </c>
    </row>
    <row r="55" spans="1:13" ht="9.75" customHeight="1">
      <c r="A55" s="206" t="s">
        <v>138</v>
      </c>
      <c r="B55" s="207"/>
      <c r="C55" s="39"/>
      <c r="D55" s="198">
        <v>115</v>
      </c>
      <c r="E55" s="198">
        <v>-495</v>
      </c>
      <c r="F55" s="198">
        <v>632</v>
      </c>
      <c r="G55" s="198">
        <v>1127</v>
      </c>
      <c r="H55" s="198">
        <v>610</v>
      </c>
      <c r="I55" s="198">
        <v>5248</v>
      </c>
      <c r="J55" s="198">
        <v>4638</v>
      </c>
      <c r="K55" s="199">
        <v>0.11373413903256753</v>
      </c>
      <c r="L55" s="199">
        <v>-0.48955129409670373</v>
      </c>
      <c r="M55" s="200">
        <v>0.60328543312927119</v>
      </c>
    </row>
    <row r="56" spans="1:13" ht="9.75" customHeight="1">
      <c r="A56" s="206" t="s">
        <v>139</v>
      </c>
      <c r="B56" s="207"/>
      <c r="C56" s="39"/>
      <c r="D56" s="198">
        <v>2015</v>
      </c>
      <c r="E56" s="198">
        <v>-221</v>
      </c>
      <c r="F56" s="198">
        <v>1091</v>
      </c>
      <c r="G56" s="198">
        <v>1312</v>
      </c>
      <c r="H56" s="198">
        <v>2236</v>
      </c>
      <c r="I56" s="198">
        <v>7998</v>
      </c>
      <c r="J56" s="198">
        <v>5762</v>
      </c>
      <c r="K56" s="199">
        <v>1.4652094558728357</v>
      </c>
      <c r="L56" s="199">
        <v>-0.16070039193444005</v>
      </c>
      <c r="M56" s="200">
        <v>1.6259098478072758</v>
      </c>
    </row>
    <row r="57" spans="1:13" ht="9.75" customHeight="1">
      <c r="A57" s="206" t="s">
        <v>140</v>
      </c>
      <c r="B57" s="207"/>
      <c r="C57" s="39"/>
      <c r="D57" s="198">
        <v>-180</v>
      </c>
      <c r="E57" s="198">
        <v>-636</v>
      </c>
      <c r="F57" s="198">
        <v>808</v>
      </c>
      <c r="G57" s="198">
        <v>1444</v>
      </c>
      <c r="H57" s="198">
        <v>456</v>
      </c>
      <c r="I57" s="198">
        <v>6587</v>
      </c>
      <c r="J57" s="198">
        <v>6131</v>
      </c>
      <c r="K57" s="199">
        <v>-0.13609556933313172</v>
      </c>
      <c r="L57" s="199">
        <v>-0.48087101164373208</v>
      </c>
      <c r="M57" s="200">
        <v>0.34477544231060031</v>
      </c>
    </row>
    <row r="58" spans="1:13" ht="9.75" customHeight="1">
      <c r="A58" s="206" t="s">
        <v>141</v>
      </c>
      <c r="B58" s="207"/>
      <c r="C58" s="39"/>
      <c r="D58" s="198">
        <v>-207</v>
      </c>
      <c r="E58" s="198">
        <v>-392</v>
      </c>
      <c r="F58" s="198">
        <v>154</v>
      </c>
      <c r="G58" s="198">
        <v>546</v>
      </c>
      <c r="H58" s="198">
        <v>185</v>
      </c>
      <c r="I58" s="198">
        <v>1496</v>
      </c>
      <c r="J58" s="198">
        <v>1311</v>
      </c>
      <c r="K58" s="199">
        <v>-0.51324010711097889</v>
      </c>
      <c r="L58" s="199">
        <v>-0.97193295646137068</v>
      </c>
      <c r="M58" s="200">
        <v>0.45869284935039173</v>
      </c>
    </row>
    <row r="59" spans="1:13" ht="9.75" customHeight="1">
      <c r="A59" s="206" t="s">
        <v>142</v>
      </c>
      <c r="B59" s="207"/>
      <c r="C59" s="39"/>
      <c r="D59" s="198">
        <v>-69</v>
      </c>
      <c r="E59" s="198">
        <v>-451</v>
      </c>
      <c r="F59" s="198">
        <v>464</v>
      </c>
      <c r="G59" s="198">
        <v>915</v>
      </c>
      <c r="H59" s="198">
        <v>382</v>
      </c>
      <c r="I59" s="198">
        <v>4384</v>
      </c>
      <c r="J59" s="198">
        <v>4002</v>
      </c>
      <c r="K59" s="199">
        <v>-8.2829155862863726E-2</v>
      </c>
      <c r="L59" s="199">
        <v>-0.54139056948045716</v>
      </c>
      <c r="M59" s="200">
        <v>0.45856141361759345</v>
      </c>
    </row>
    <row r="60" spans="1:13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199"/>
      <c r="L60" s="199"/>
      <c r="M60" s="200"/>
    </row>
    <row r="61" spans="1:13" ht="9.75" customHeight="1">
      <c r="A61" s="206" t="s">
        <v>143</v>
      </c>
      <c r="B61" s="207"/>
      <c r="C61" s="39"/>
      <c r="D61" s="198">
        <v>-237</v>
      </c>
      <c r="E61" s="198">
        <v>-294</v>
      </c>
      <c r="F61" s="198">
        <v>123</v>
      </c>
      <c r="G61" s="198">
        <v>417</v>
      </c>
      <c r="H61" s="198">
        <v>57</v>
      </c>
      <c r="I61" s="198">
        <v>1269</v>
      </c>
      <c r="J61" s="198">
        <v>1212</v>
      </c>
      <c r="K61" s="199">
        <v>-0.74879150737733402</v>
      </c>
      <c r="L61" s="199">
        <v>-0.92888060408833839</v>
      </c>
      <c r="M61" s="200">
        <v>0.18008909671100437</v>
      </c>
    </row>
    <row r="62" spans="1:13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199"/>
      <c r="L62" s="199"/>
      <c r="M62" s="200"/>
    </row>
    <row r="63" spans="1:13" ht="9.75" customHeight="1">
      <c r="A63" s="206" t="s">
        <v>144</v>
      </c>
      <c r="B63" s="207"/>
      <c r="C63" s="39"/>
      <c r="D63" s="198">
        <v>-3</v>
      </c>
      <c r="E63" s="198">
        <v>-206</v>
      </c>
      <c r="F63" s="198">
        <v>307</v>
      </c>
      <c r="G63" s="198">
        <v>513</v>
      </c>
      <c r="H63" s="198">
        <v>203</v>
      </c>
      <c r="I63" s="198">
        <v>2224</v>
      </c>
      <c r="J63" s="198">
        <v>2021</v>
      </c>
      <c r="K63" s="199">
        <v>-6.1766522544780727E-3</v>
      </c>
      <c r="L63" s="199">
        <v>-0.42413012147416101</v>
      </c>
      <c r="M63" s="200">
        <v>0.41795346921968296</v>
      </c>
    </row>
    <row r="64" spans="1:13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199"/>
      <c r="L64" s="199"/>
      <c r="M64" s="200"/>
    </row>
    <row r="65" spans="1:13" ht="9.75" customHeight="1">
      <c r="A65" s="201" t="s">
        <v>145</v>
      </c>
      <c r="B65" s="202"/>
      <c r="C65" s="46"/>
      <c r="D65" s="203">
        <v>-457</v>
      </c>
      <c r="E65" s="203">
        <v>-645</v>
      </c>
      <c r="F65" s="203">
        <v>243</v>
      </c>
      <c r="G65" s="203">
        <v>888</v>
      </c>
      <c r="H65" s="203">
        <v>188</v>
      </c>
      <c r="I65" s="203">
        <v>2158</v>
      </c>
      <c r="J65" s="203">
        <v>1970</v>
      </c>
      <c r="K65" s="204">
        <v>-0.77681455039945602</v>
      </c>
      <c r="L65" s="204">
        <v>-1.0963793982661907</v>
      </c>
      <c r="M65" s="205">
        <v>0.31956484786673467</v>
      </c>
    </row>
    <row r="66" spans="1:13" ht="9.75" customHeight="1">
      <c r="A66" s="37"/>
      <c r="B66" s="108" t="s">
        <v>146</v>
      </c>
      <c r="C66" s="39"/>
      <c r="D66" s="198">
        <v>-199</v>
      </c>
      <c r="E66" s="198">
        <v>-344</v>
      </c>
      <c r="F66" s="198">
        <v>137</v>
      </c>
      <c r="G66" s="198">
        <v>481</v>
      </c>
      <c r="H66" s="198">
        <v>145</v>
      </c>
      <c r="I66" s="198">
        <v>1207</v>
      </c>
      <c r="J66" s="198">
        <v>1062</v>
      </c>
      <c r="K66" s="199">
        <v>-0.63252916309081086</v>
      </c>
      <c r="L66" s="199">
        <v>-1.0934172467499443</v>
      </c>
      <c r="M66" s="200">
        <v>0.46088808365913353</v>
      </c>
    </row>
    <row r="67" spans="1:13" ht="9.75" customHeight="1">
      <c r="A67" s="37"/>
      <c r="B67" s="108" t="s">
        <v>147</v>
      </c>
      <c r="C67" s="39"/>
      <c r="D67" s="198">
        <v>-258</v>
      </c>
      <c r="E67" s="198">
        <v>-301</v>
      </c>
      <c r="F67" s="198">
        <v>106</v>
      </c>
      <c r="G67" s="198">
        <v>407</v>
      </c>
      <c r="H67" s="198">
        <v>43</v>
      </c>
      <c r="I67" s="198">
        <v>951</v>
      </c>
      <c r="J67" s="198">
        <v>908</v>
      </c>
      <c r="K67" s="199">
        <v>-0.94267236654609221</v>
      </c>
      <c r="L67" s="199">
        <v>-1.0997844276371076</v>
      </c>
      <c r="M67" s="200">
        <v>0.15711206109101539</v>
      </c>
    </row>
    <row r="68" spans="1:13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199"/>
      <c r="L68" s="199"/>
      <c r="M68" s="200"/>
    </row>
    <row r="69" spans="1:13" ht="9.75" customHeight="1">
      <c r="A69" s="201" t="s">
        <v>148</v>
      </c>
      <c r="B69" s="202"/>
      <c r="C69" s="46"/>
      <c r="D69" s="203">
        <v>-184</v>
      </c>
      <c r="E69" s="203">
        <v>-486</v>
      </c>
      <c r="F69" s="203">
        <v>342</v>
      </c>
      <c r="G69" s="203">
        <v>828</v>
      </c>
      <c r="H69" s="203">
        <v>302</v>
      </c>
      <c r="I69" s="203">
        <v>3062</v>
      </c>
      <c r="J69" s="203">
        <v>2760</v>
      </c>
      <c r="K69" s="204">
        <v>-0.28296808919646294</v>
      </c>
      <c r="L69" s="204">
        <v>-0.74740484429065746</v>
      </c>
      <c r="M69" s="205">
        <v>0.46443675509419458</v>
      </c>
    </row>
    <row r="70" spans="1:13" ht="9.75" customHeight="1">
      <c r="A70" s="37"/>
      <c r="B70" s="108" t="s">
        <v>149</v>
      </c>
      <c r="C70" s="39"/>
      <c r="D70" s="198">
        <v>-31</v>
      </c>
      <c r="E70" s="198">
        <v>-96</v>
      </c>
      <c r="F70" s="198">
        <v>29</v>
      </c>
      <c r="G70" s="198">
        <v>125</v>
      </c>
      <c r="H70" s="198">
        <v>65</v>
      </c>
      <c r="I70" s="198">
        <v>327</v>
      </c>
      <c r="J70" s="198">
        <v>262</v>
      </c>
      <c r="K70" s="199">
        <v>-0.34065934065934067</v>
      </c>
      <c r="L70" s="199">
        <v>-1.054945054945055</v>
      </c>
      <c r="M70" s="200">
        <v>0.7142857142857143</v>
      </c>
    </row>
    <row r="71" spans="1:13" ht="9.75" customHeight="1">
      <c r="A71" s="37"/>
      <c r="B71" s="108" t="s">
        <v>150</v>
      </c>
      <c r="C71" s="39"/>
      <c r="D71" s="198">
        <v>12</v>
      </c>
      <c r="E71" s="198">
        <v>-75</v>
      </c>
      <c r="F71" s="198">
        <v>103</v>
      </c>
      <c r="G71" s="198">
        <v>178</v>
      </c>
      <c r="H71" s="198">
        <v>87</v>
      </c>
      <c r="I71" s="198">
        <v>706</v>
      </c>
      <c r="J71" s="198">
        <v>619</v>
      </c>
      <c r="K71" s="199">
        <v>6.9787728990985745E-2</v>
      </c>
      <c r="L71" s="199">
        <v>-0.4361733061936609</v>
      </c>
      <c r="M71" s="200">
        <v>0.50596103518464663</v>
      </c>
    </row>
    <row r="72" spans="1:13" ht="9.75" customHeight="1">
      <c r="A72" s="37"/>
      <c r="B72" s="108" t="s">
        <v>151</v>
      </c>
      <c r="C72" s="39"/>
      <c r="D72" s="198">
        <v>-139</v>
      </c>
      <c r="E72" s="198">
        <v>-122</v>
      </c>
      <c r="F72" s="198">
        <v>51</v>
      </c>
      <c r="G72" s="198">
        <v>173</v>
      </c>
      <c r="H72" s="198">
        <v>-17</v>
      </c>
      <c r="I72" s="198">
        <v>910</v>
      </c>
      <c r="J72" s="198">
        <v>927</v>
      </c>
      <c r="K72" s="199">
        <v>-1.3097145010835767</v>
      </c>
      <c r="L72" s="199">
        <v>-1.1495335908791104</v>
      </c>
      <c r="M72" s="200">
        <v>-0.16018091020446623</v>
      </c>
    </row>
    <row r="73" spans="1:13" ht="9.75" customHeight="1">
      <c r="A73" s="37"/>
      <c r="B73" s="108" t="s">
        <v>152</v>
      </c>
      <c r="C73" s="39"/>
      <c r="D73" s="198">
        <v>-206</v>
      </c>
      <c r="E73" s="198">
        <v>-154</v>
      </c>
      <c r="F73" s="198">
        <v>23</v>
      </c>
      <c r="G73" s="198">
        <v>177</v>
      </c>
      <c r="H73" s="198">
        <v>-52</v>
      </c>
      <c r="I73" s="198">
        <v>242</v>
      </c>
      <c r="J73" s="198">
        <v>294</v>
      </c>
      <c r="K73" s="199">
        <v>-2.1557136877354539</v>
      </c>
      <c r="L73" s="199">
        <v>-1.6115529510255338</v>
      </c>
      <c r="M73" s="200">
        <v>-0.54416073670992049</v>
      </c>
    </row>
    <row r="74" spans="1:13" ht="9.75" customHeight="1">
      <c r="A74" s="37"/>
      <c r="B74" s="108" t="s">
        <v>153</v>
      </c>
      <c r="C74" s="39"/>
      <c r="D74" s="198">
        <v>180</v>
      </c>
      <c r="E74" s="198">
        <v>-39</v>
      </c>
      <c r="F74" s="198">
        <v>136</v>
      </c>
      <c r="G74" s="198">
        <v>175</v>
      </c>
      <c r="H74" s="198">
        <v>219</v>
      </c>
      <c r="I74" s="198">
        <v>877</v>
      </c>
      <c r="J74" s="198">
        <v>658</v>
      </c>
      <c r="K74" s="199">
        <v>0.96977533538063676</v>
      </c>
      <c r="L74" s="199">
        <v>-0.21011798933247131</v>
      </c>
      <c r="M74" s="200">
        <v>1.179893324713108</v>
      </c>
    </row>
    <row r="75" spans="1:13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199"/>
      <c r="L75" s="199"/>
      <c r="M75" s="200"/>
    </row>
    <row r="76" spans="1:13" ht="9.75" customHeight="1">
      <c r="A76" s="201" t="s">
        <v>154</v>
      </c>
      <c r="B76" s="202"/>
      <c r="C76" s="46"/>
      <c r="D76" s="203">
        <v>-543</v>
      </c>
      <c r="E76" s="203">
        <v>-718</v>
      </c>
      <c r="F76" s="203">
        <v>105</v>
      </c>
      <c r="G76" s="203">
        <v>823</v>
      </c>
      <c r="H76" s="203">
        <v>175</v>
      </c>
      <c r="I76" s="203">
        <v>2659</v>
      </c>
      <c r="J76" s="203">
        <v>2484</v>
      </c>
      <c r="K76" s="204">
        <v>-1.33421789768539</v>
      </c>
      <c r="L76" s="204">
        <v>-1.7642144577129097</v>
      </c>
      <c r="M76" s="205">
        <v>0.42999656002751979</v>
      </c>
    </row>
    <row r="77" spans="1:13" ht="9.75" customHeight="1">
      <c r="A77" s="37"/>
      <c r="B77" s="108" t="s">
        <v>155</v>
      </c>
      <c r="C77" s="39"/>
      <c r="D77" s="198">
        <v>-187</v>
      </c>
      <c r="E77" s="198">
        <v>-190</v>
      </c>
      <c r="F77" s="198">
        <v>23</v>
      </c>
      <c r="G77" s="198">
        <v>213</v>
      </c>
      <c r="H77" s="198">
        <v>3</v>
      </c>
      <c r="I77" s="198">
        <v>1198</v>
      </c>
      <c r="J77" s="198">
        <v>1195</v>
      </c>
      <c r="K77" s="199">
        <v>-1.6874210431330083</v>
      </c>
      <c r="L77" s="199">
        <v>-1.7144919689586715</v>
      </c>
      <c r="M77" s="200">
        <v>2.7070925825663238E-2</v>
      </c>
    </row>
    <row r="78" spans="1:13" ht="9.75" customHeight="1">
      <c r="A78" s="37"/>
      <c r="B78" s="108" t="s">
        <v>156</v>
      </c>
      <c r="C78" s="39"/>
      <c r="D78" s="198">
        <v>-104</v>
      </c>
      <c r="E78" s="198">
        <v>-113</v>
      </c>
      <c r="F78" s="198">
        <v>14</v>
      </c>
      <c r="G78" s="198">
        <v>127</v>
      </c>
      <c r="H78" s="198">
        <v>9</v>
      </c>
      <c r="I78" s="198">
        <v>224</v>
      </c>
      <c r="J78" s="198">
        <v>215</v>
      </c>
      <c r="K78" s="199">
        <v>-1.581749049429658</v>
      </c>
      <c r="L78" s="199">
        <v>-1.7186311787072244</v>
      </c>
      <c r="M78" s="200">
        <v>0.13688212927756654</v>
      </c>
    </row>
    <row r="79" spans="1:13" ht="9.75" customHeight="1">
      <c r="A79" s="37"/>
      <c r="B79" s="108" t="s">
        <v>157</v>
      </c>
      <c r="C79" s="39"/>
      <c r="D79" s="198">
        <v>-252</v>
      </c>
      <c r="E79" s="198">
        <v>-415</v>
      </c>
      <c r="F79" s="198">
        <v>68</v>
      </c>
      <c r="G79" s="198">
        <v>483</v>
      </c>
      <c r="H79" s="198">
        <v>163</v>
      </c>
      <c r="I79" s="198">
        <v>1237</v>
      </c>
      <c r="J79" s="198">
        <v>1074</v>
      </c>
      <c r="K79" s="199">
        <v>-1.0937025302721237</v>
      </c>
      <c r="L79" s="199">
        <v>-1.8011371034243304</v>
      </c>
      <c r="M79" s="200">
        <v>0.70743457315220692</v>
      </c>
    </row>
    <row r="80" spans="1:13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199"/>
      <c r="L80" s="199"/>
      <c r="M80" s="200"/>
    </row>
    <row r="81" spans="1:20" ht="9.75" customHeight="1">
      <c r="A81" s="201" t="s">
        <v>158</v>
      </c>
      <c r="B81" s="202"/>
      <c r="C81" s="46"/>
      <c r="D81" s="203">
        <v>-137</v>
      </c>
      <c r="E81" s="203">
        <v>-322</v>
      </c>
      <c r="F81" s="203">
        <v>192</v>
      </c>
      <c r="G81" s="203">
        <v>514</v>
      </c>
      <c r="H81" s="203">
        <v>185</v>
      </c>
      <c r="I81" s="203">
        <v>1933</v>
      </c>
      <c r="J81" s="203">
        <v>1748</v>
      </c>
      <c r="K81" s="204">
        <v>-0.32233777234012517</v>
      </c>
      <c r="L81" s="204">
        <v>-0.75761140652204606</v>
      </c>
      <c r="M81" s="205">
        <v>0.43527363418192089</v>
      </c>
    </row>
    <row r="82" spans="1:20" ht="9.75" customHeight="1">
      <c r="A82" s="37"/>
      <c r="B82" s="108" t="s">
        <v>159</v>
      </c>
      <c r="C82" s="39"/>
      <c r="D82" s="198">
        <v>-89</v>
      </c>
      <c r="E82" s="198">
        <v>-292</v>
      </c>
      <c r="F82" s="198">
        <v>184</v>
      </c>
      <c r="G82" s="198">
        <v>476</v>
      </c>
      <c r="H82" s="198">
        <v>203</v>
      </c>
      <c r="I82" s="198">
        <v>1875</v>
      </c>
      <c r="J82" s="198">
        <v>1672</v>
      </c>
      <c r="K82" s="199">
        <v>-0.22536209865289172</v>
      </c>
      <c r="L82" s="199">
        <v>-0.73939025625443133</v>
      </c>
      <c r="M82" s="200">
        <v>0.51402815760153953</v>
      </c>
    </row>
    <row r="83" spans="1:20" ht="9.75" customHeight="1">
      <c r="A83" s="37"/>
      <c r="B83" s="108" t="s">
        <v>160</v>
      </c>
      <c r="C83" s="39"/>
      <c r="D83" s="198">
        <v>-48</v>
      </c>
      <c r="E83" s="198">
        <v>-30</v>
      </c>
      <c r="F83" s="198">
        <v>8</v>
      </c>
      <c r="G83" s="198">
        <v>38</v>
      </c>
      <c r="H83" s="198">
        <v>-18</v>
      </c>
      <c r="I83" s="198">
        <v>58</v>
      </c>
      <c r="J83" s="198">
        <v>76</v>
      </c>
      <c r="K83" s="199">
        <v>-1.5946843853820596</v>
      </c>
      <c r="L83" s="199">
        <v>-0.99667774086378735</v>
      </c>
      <c r="M83" s="200">
        <v>-0.59800664451827246</v>
      </c>
    </row>
    <row r="84" spans="1:20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08"/>
      <c r="L84" s="208"/>
      <c r="M84" s="186"/>
    </row>
    <row r="85" spans="1:20" s="59" customFormat="1" ht="13.5" customHeight="1">
      <c r="A85" s="75" t="s">
        <v>161</v>
      </c>
      <c r="B85" s="75"/>
      <c r="C85" s="75"/>
      <c r="D85" s="75"/>
      <c r="E85" s="75"/>
      <c r="F85" s="75"/>
      <c r="G85" s="75"/>
      <c r="H85" s="75"/>
      <c r="I85" s="75"/>
      <c r="J85" s="75"/>
      <c r="K85" s="75"/>
      <c r="L85" s="75"/>
      <c r="M85" s="75"/>
      <c r="N85" s="58"/>
      <c r="O85" s="58"/>
      <c r="P85" s="58"/>
      <c r="Q85" s="58"/>
      <c r="R85" s="58"/>
      <c r="S85" s="58"/>
      <c r="T85" s="58"/>
    </row>
  </sheetData>
  <mergeCells count="37">
    <mergeCell ref="A65:B65"/>
    <mergeCell ref="A69:B69"/>
    <mergeCell ref="A76:B76"/>
    <mergeCell ref="A81:B81"/>
    <mergeCell ref="A85:M85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M1"/>
    <mergeCell ref="A2:C2"/>
    <mergeCell ref="K2:M2"/>
    <mergeCell ref="A3:C4"/>
    <mergeCell ref="D3:D4"/>
    <mergeCell ref="E3:G3"/>
    <mergeCell ref="H3:J3"/>
    <mergeCell ref="K3:M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6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62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3</v>
      </c>
      <c r="B2" s="77"/>
      <c r="C2" s="77"/>
      <c r="I2" s="187" t="s">
        <v>56</v>
      </c>
      <c r="J2" s="187"/>
      <c r="K2" s="187"/>
    </row>
    <row r="3" spans="1:22" ht="15" customHeight="1">
      <c r="A3" s="78" t="s">
        <v>91</v>
      </c>
      <c r="B3" s="79"/>
      <c r="C3" s="79"/>
      <c r="D3" s="90" t="s">
        <v>164</v>
      </c>
      <c r="E3" s="79"/>
      <c r="F3" s="79"/>
      <c r="G3" s="209"/>
      <c r="H3" s="90" t="s">
        <v>165</v>
      </c>
      <c r="I3" s="79"/>
      <c r="J3" s="79"/>
      <c r="K3" s="210"/>
    </row>
    <row r="4" spans="1:22" ht="15" customHeight="1">
      <c r="A4" s="82"/>
      <c r="B4" s="83"/>
      <c r="C4" s="83"/>
      <c r="D4" s="74" t="s">
        <v>49</v>
      </c>
      <c r="E4" s="74" t="s">
        <v>50</v>
      </c>
      <c r="F4" s="74" t="s">
        <v>51</v>
      </c>
      <c r="G4" s="74" t="s">
        <v>52</v>
      </c>
      <c r="H4" s="74" t="s">
        <v>49</v>
      </c>
      <c r="I4" s="74" t="s">
        <v>50</v>
      </c>
      <c r="J4" s="74" t="s">
        <v>51</v>
      </c>
      <c r="K4" s="121" t="s">
        <v>52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3" t="s">
        <v>10</v>
      </c>
    </row>
    <row r="6" spans="1:22" ht="9.75" customHeight="1">
      <c r="A6" s="189" t="s">
        <v>95</v>
      </c>
      <c r="B6" s="190"/>
      <c r="C6" s="16"/>
      <c r="D6" s="17">
        <v>505665</v>
      </c>
      <c r="E6" s="17">
        <v>277827</v>
      </c>
      <c r="F6" s="17">
        <v>218434</v>
      </c>
      <c r="G6" s="17">
        <v>9404</v>
      </c>
      <c r="H6" s="17">
        <v>467971</v>
      </c>
      <c r="I6" s="17">
        <v>238713</v>
      </c>
      <c r="J6" s="17">
        <v>219281</v>
      </c>
      <c r="K6" s="211">
        <v>9977</v>
      </c>
    </row>
    <row r="7" spans="1:22" s="29" customFormat="1" ht="9.75" customHeight="1">
      <c r="A7" s="193" t="s">
        <v>96</v>
      </c>
      <c r="B7" s="194"/>
      <c r="C7" s="32"/>
      <c r="D7" s="195">
        <v>492360</v>
      </c>
      <c r="E7" s="195">
        <v>271345</v>
      </c>
      <c r="F7" s="195">
        <v>211944</v>
      </c>
      <c r="G7" s="195">
        <v>9071</v>
      </c>
      <c r="H7" s="195">
        <v>455776</v>
      </c>
      <c r="I7" s="195">
        <v>233266</v>
      </c>
      <c r="J7" s="195">
        <v>212893</v>
      </c>
      <c r="K7" s="212">
        <v>9617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13305</v>
      </c>
      <c r="E8" s="195">
        <v>6482</v>
      </c>
      <c r="F8" s="195">
        <v>6490</v>
      </c>
      <c r="G8" s="195">
        <v>333</v>
      </c>
      <c r="H8" s="195">
        <v>12195</v>
      </c>
      <c r="I8" s="195">
        <v>5447</v>
      </c>
      <c r="J8" s="195">
        <v>6388</v>
      </c>
      <c r="K8" s="212">
        <v>360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220196</v>
      </c>
      <c r="E10" s="203">
        <v>113944</v>
      </c>
      <c r="F10" s="203">
        <v>101424</v>
      </c>
      <c r="G10" s="203">
        <v>4828</v>
      </c>
      <c r="H10" s="203">
        <v>206891</v>
      </c>
      <c r="I10" s="203">
        <v>98387</v>
      </c>
      <c r="J10" s="203">
        <v>103995</v>
      </c>
      <c r="K10" s="214">
        <v>4509</v>
      </c>
    </row>
    <row r="11" spans="1:22" ht="9.75" customHeight="1">
      <c r="A11" s="37"/>
      <c r="B11" s="108" t="s">
        <v>99</v>
      </c>
      <c r="C11" s="39"/>
      <c r="D11" s="198">
        <v>17994</v>
      </c>
      <c r="E11" s="198">
        <v>11181</v>
      </c>
      <c r="F11" s="198">
        <v>6456</v>
      </c>
      <c r="G11" s="198">
        <v>357</v>
      </c>
      <c r="H11" s="198">
        <v>17696</v>
      </c>
      <c r="I11" s="198">
        <v>9325</v>
      </c>
      <c r="J11" s="198">
        <v>7815</v>
      </c>
      <c r="K11" s="213">
        <v>556</v>
      </c>
    </row>
    <row r="12" spans="1:22" ht="9.75" customHeight="1">
      <c r="A12" s="37"/>
      <c r="B12" s="108" t="s">
        <v>100</v>
      </c>
      <c r="C12" s="39"/>
      <c r="D12" s="198">
        <v>18978</v>
      </c>
      <c r="E12" s="198">
        <v>10453</v>
      </c>
      <c r="F12" s="198">
        <v>8088</v>
      </c>
      <c r="G12" s="198">
        <v>437</v>
      </c>
      <c r="H12" s="198">
        <v>16918</v>
      </c>
      <c r="I12" s="198">
        <v>8074</v>
      </c>
      <c r="J12" s="198">
        <v>8472</v>
      </c>
      <c r="K12" s="213">
        <v>372</v>
      </c>
    </row>
    <row r="13" spans="1:22" ht="9.75" customHeight="1">
      <c r="A13" s="37"/>
      <c r="B13" s="108" t="s">
        <v>101</v>
      </c>
      <c r="C13" s="39"/>
      <c r="D13" s="198">
        <v>10364</v>
      </c>
      <c r="E13" s="198">
        <v>5631</v>
      </c>
      <c r="F13" s="198">
        <v>4562</v>
      </c>
      <c r="G13" s="198">
        <v>171</v>
      </c>
      <c r="H13" s="198">
        <v>8989</v>
      </c>
      <c r="I13" s="198">
        <v>4127</v>
      </c>
      <c r="J13" s="198">
        <v>4615</v>
      </c>
      <c r="K13" s="213">
        <v>247</v>
      </c>
    </row>
    <row r="14" spans="1:22" ht="9.75" customHeight="1">
      <c r="A14" s="37"/>
      <c r="B14" s="108" t="s">
        <v>102</v>
      </c>
      <c r="C14" s="39"/>
      <c r="D14" s="198">
        <v>13995</v>
      </c>
      <c r="E14" s="198">
        <v>7847</v>
      </c>
      <c r="F14" s="198">
        <v>5764</v>
      </c>
      <c r="G14" s="198">
        <v>384</v>
      </c>
      <c r="H14" s="198">
        <v>12146</v>
      </c>
      <c r="I14" s="198">
        <v>5513</v>
      </c>
      <c r="J14" s="198">
        <v>6006</v>
      </c>
      <c r="K14" s="213">
        <v>627</v>
      </c>
    </row>
    <row r="15" spans="1:22" ht="9.75" customHeight="1">
      <c r="A15" s="37"/>
      <c r="B15" s="108" t="s">
        <v>103</v>
      </c>
      <c r="C15" s="39"/>
      <c r="D15" s="198">
        <v>13941</v>
      </c>
      <c r="E15" s="198">
        <v>6598</v>
      </c>
      <c r="F15" s="198">
        <v>7019</v>
      </c>
      <c r="G15" s="198">
        <v>324</v>
      </c>
      <c r="H15" s="198">
        <v>12588</v>
      </c>
      <c r="I15" s="198">
        <v>4862</v>
      </c>
      <c r="J15" s="198">
        <v>7295</v>
      </c>
      <c r="K15" s="213">
        <v>431</v>
      </c>
    </row>
    <row r="16" spans="1:22" ht="9.75" customHeight="1">
      <c r="A16" s="37"/>
      <c r="B16" s="108" t="s">
        <v>104</v>
      </c>
      <c r="C16" s="39"/>
      <c r="D16" s="198">
        <v>9623</v>
      </c>
      <c r="E16" s="198">
        <v>3955</v>
      </c>
      <c r="F16" s="198">
        <v>5475</v>
      </c>
      <c r="G16" s="198">
        <v>193</v>
      </c>
      <c r="H16" s="198">
        <v>9333</v>
      </c>
      <c r="I16" s="198">
        <v>3841</v>
      </c>
      <c r="J16" s="198">
        <v>5358</v>
      </c>
      <c r="K16" s="213">
        <v>134</v>
      </c>
    </row>
    <row r="17" spans="1:11" ht="9.75" customHeight="1">
      <c r="A17" s="37"/>
      <c r="B17" s="108" t="s">
        <v>105</v>
      </c>
      <c r="C17" s="39"/>
      <c r="D17" s="198">
        <v>11868</v>
      </c>
      <c r="E17" s="198">
        <v>5576</v>
      </c>
      <c r="F17" s="198">
        <v>6017</v>
      </c>
      <c r="G17" s="198">
        <v>275</v>
      </c>
      <c r="H17" s="198">
        <v>11264</v>
      </c>
      <c r="I17" s="198">
        <v>4640</v>
      </c>
      <c r="J17" s="198">
        <v>6364</v>
      </c>
      <c r="K17" s="213">
        <v>260</v>
      </c>
    </row>
    <row r="18" spans="1:11" ht="9.75" customHeight="1">
      <c r="A18" s="37"/>
      <c r="B18" s="108" t="s">
        <v>106</v>
      </c>
      <c r="C18" s="39"/>
      <c r="D18" s="198">
        <v>10453</v>
      </c>
      <c r="E18" s="198">
        <v>4075</v>
      </c>
      <c r="F18" s="198">
        <v>6091</v>
      </c>
      <c r="G18" s="198">
        <v>287</v>
      </c>
      <c r="H18" s="198">
        <v>9657</v>
      </c>
      <c r="I18" s="198">
        <v>4094</v>
      </c>
      <c r="J18" s="198">
        <v>5343</v>
      </c>
      <c r="K18" s="213">
        <v>220</v>
      </c>
    </row>
    <row r="19" spans="1:11" ht="9.75" customHeight="1">
      <c r="A19" s="37"/>
      <c r="B19" s="108" t="s">
        <v>107</v>
      </c>
      <c r="C19" s="39"/>
      <c r="D19" s="198">
        <v>8918</v>
      </c>
      <c r="E19" s="198">
        <v>3911</v>
      </c>
      <c r="F19" s="198">
        <v>4811</v>
      </c>
      <c r="G19" s="198">
        <v>196</v>
      </c>
      <c r="H19" s="198">
        <v>8788</v>
      </c>
      <c r="I19" s="198">
        <v>3360</v>
      </c>
      <c r="J19" s="198">
        <v>5232</v>
      </c>
      <c r="K19" s="213">
        <v>196</v>
      </c>
    </row>
    <row r="20" spans="1:11" ht="9.75" customHeight="1">
      <c r="A20" s="37"/>
      <c r="B20" s="108" t="s">
        <v>108</v>
      </c>
      <c r="C20" s="39"/>
      <c r="D20" s="198">
        <v>8636</v>
      </c>
      <c r="E20" s="198">
        <v>4459</v>
      </c>
      <c r="F20" s="198">
        <v>3968</v>
      </c>
      <c r="G20" s="198">
        <v>209</v>
      </c>
      <c r="H20" s="198">
        <v>9011</v>
      </c>
      <c r="I20" s="198">
        <v>4484</v>
      </c>
      <c r="J20" s="198">
        <v>4371</v>
      </c>
      <c r="K20" s="213">
        <v>156</v>
      </c>
    </row>
    <row r="21" spans="1:11" ht="9.75" customHeight="1">
      <c r="A21" s="37"/>
      <c r="B21" s="108" t="s">
        <v>109</v>
      </c>
      <c r="C21" s="39"/>
      <c r="D21" s="198">
        <v>25989</v>
      </c>
      <c r="E21" s="198">
        <v>15718</v>
      </c>
      <c r="F21" s="198">
        <v>9774</v>
      </c>
      <c r="G21" s="198">
        <v>497</v>
      </c>
      <c r="H21" s="198">
        <v>23423</v>
      </c>
      <c r="I21" s="198">
        <v>13015</v>
      </c>
      <c r="J21" s="198">
        <v>10080</v>
      </c>
      <c r="K21" s="213">
        <v>328</v>
      </c>
    </row>
    <row r="22" spans="1:11" ht="9.75" customHeight="1">
      <c r="A22" s="37"/>
      <c r="B22" s="108" t="s">
        <v>110</v>
      </c>
      <c r="C22" s="39"/>
      <c r="D22" s="198">
        <v>9411</v>
      </c>
      <c r="E22" s="198">
        <v>4578</v>
      </c>
      <c r="F22" s="198">
        <v>4631</v>
      </c>
      <c r="G22" s="198">
        <v>202</v>
      </c>
      <c r="H22" s="198">
        <v>9223</v>
      </c>
      <c r="I22" s="198">
        <v>4386</v>
      </c>
      <c r="J22" s="198">
        <v>4674</v>
      </c>
      <c r="K22" s="213">
        <v>163</v>
      </c>
    </row>
    <row r="23" spans="1:11" ht="9.75" customHeight="1">
      <c r="A23" s="37"/>
      <c r="B23" s="108" t="s">
        <v>111</v>
      </c>
      <c r="C23" s="39"/>
      <c r="D23" s="198">
        <v>16883</v>
      </c>
      <c r="E23" s="198">
        <v>10401</v>
      </c>
      <c r="F23" s="198">
        <v>6025</v>
      </c>
      <c r="G23" s="198">
        <v>457</v>
      </c>
      <c r="H23" s="198">
        <v>16950</v>
      </c>
      <c r="I23" s="198">
        <v>10469</v>
      </c>
      <c r="J23" s="198">
        <v>6309</v>
      </c>
      <c r="K23" s="213">
        <v>172</v>
      </c>
    </row>
    <row r="24" spans="1:11" ht="9.75" customHeight="1">
      <c r="A24" s="37"/>
      <c r="B24" s="108" t="s">
        <v>112</v>
      </c>
      <c r="C24" s="39"/>
      <c r="D24" s="198">
        <v>12157</v>
      </c>
      <c r="E24" s="198">
        <v>6627</v>
      </c>
      <c r="F24" s="198">
        <v>5262</v>
      </c>
      <c r="G24" s="198">
        <v>268</v>
      </c>
      <c r="H24" s="198">
        <v>12002</v>
      </c>
      <c r="I24" s="198">
        <v>6412</v>
      </c>
      <c r="J24" s="198">
        <v>5410</v>
      </c>
      <c r="K24" s="213">
        <v>180</v>
      </c>
    </row>
    <row r="25" spans="1:11" ht="9.75" customHeight="1">
      <c r="A25" s="37"/>
      <c r="B25" s="108" t="s">
        <v>113</v>
      </c>
      <c r="C25" s="39"/>
      <c r="D25" s="198">
        <v>12856</v>
      </c>
      <c r="E25" s="198">
        <v>6100</v>
      </c>
      <c r="F25" s="198">
        <v>6477</v>
      </c>
      <c r="G25" s="198">
        <v>279</v>
      </c>
      <c r="H25" s="198">
        <v>12364</v>
      </c>
      <c r="I25" s="198">
        <v>5640</v>
      </c>
      <c r="J25" s="198">
        <v>6495</v>
      </c>
      <c r="K25" s="213">
        <v>229</v>
      </c>
    </row>
    <row r="26" spans="1:11" ht="9.75" customHeight="1">
      <c r="A26" s="37"/>
      <c r="B26" s="108" t="s">
        <v>114</v>
      </c>
      <c r="C26" s="39"/>
      <c r="D26" s="198">
        <v>6334</v>
      </c>
      <c r="E26" s="198">
        <v>2523</v>
      </c>
      <c r="F26" s="198">
        <v>3736</v>
      </c>
      <c r="G26" s="198">
        <v>75</v>
      </c>
      <c r="H26" s="198">
        <v>5305</v>
      </c>
      <c r="I26" s="198">
        <v>1867</v>
      </c>
      <c r="J26" s="198">
        <v>3357</v>
      </c>
      <c r="K26" s="213">
        <v>81</v>
      </c>
    </row>
    <row r="27" spans="1:11" ht="9.75" customHeight="1">
      <c r="A27" s="37"/>
      <c r="B27" s="108" t="s">
        <v>115</v>
      </c>
      <c r="C27" s="39"/>
      <c r="D27" s="198">
        <v>6309</v>
      </c>
      <c r="E27" s="198">
        <v>2392</v>
      </c>
      <c r="F27" s="198">
        <v>3791</v>
      </c>
      <c r="G27" s="198">
        <v>126</v>
      </c>
      <c r="H27" s="198">
        <v>6154</v>
      </c>
      <c r="I27" s="198">
        <v>2388</v>
      </c>
      <c r="J27" s="198">
        <v>3693</v>
      </c>
      <c r="K27" s="213">
        <v>73</v>
      </c>
    </row>
    <row r="28" spans="1:11" ht="9.75" customHeight="1">
      <c r="A28" s="37"/>
      <c r="B28" s="108" t="s">
        <v>116</v>
      </c>
      <c r="C28" s="39"/>
      <c r="D28" s="198">
        <v>5487</v>
      </c>
      <c r="E28" s="198">
        <v>1919</v>
      </c>
      <c r="F28" s="198">
        <v>3477</v>
      </c>
      <c r="G28" s="198">
        <v>91</v>
      </c>
      <c r="H28" s="198">
        <v>5080</v>
      </c>
      <c r="I28" s="198">
        <v>1890</v>
      </c>
      <c r="J28" s="198">
        <v>3106</v>
      </c>
      <c r="K28" s="213">
        <v>84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04623</v>
      </c>
      <c r="E30" s="203">
        <v>68288</v>
      </c>
      <c r="F30" s="203">
        <v>35542</v>
      </c>
      <c r="G30" s="203">
        <v>793</v>
      </c>
      <c r="H30" s="203">
        <v>100840</v>
      </c>
      <c r="I30" s="203">
        <v>60355</v>
      </c>
      <c r="J30" s="203">
        <v>38664</v>
      </c>
      <c r="K30" s="214">
        <v>1821</v>
      </c>
    </row>
    <row r="31" spans="1:11" ht="9.75" customHeight="1">
      <c r="A31" s="37"/>
      <c r="B31" s="108" t="s">
        <v>118</v>
      </c>
      <c r="C31" s="39"/>
      <c r="D31" s="198">
        <v>15657</v>
      </c>
      <c r="E31" s="198">
        <v>10344</v>
      </c>
      <c r="F31" s="198">
        <v>5139</v>
      </c>
      <c r="G31" s="198">
        <v>174</v>
      </c>
      <c r="H31" s="198">
        <v>14854</v>
      </c>
      <c r="I31" s="198">
        <v>8667</v>
      </c>
      <c r="J31" s="198">
        <v>5512</v>
      </c>
      <c r="K31" s="213">
        <v>675</v>
      </c>
    </row>
    <row r="32" spans="1:11" ht="9.75" customHeight="1">
      <c r="A32" s="37"/>
      <c r="B32" s="108" t="s">
        <v>119</v>
      </c>
      <c r="C32" s="39"/>
      <c r="D32" s="198">
        <v>10718</v>
      </c>
      <c r="E32" s="198">
        <v>6218</v>
      </c>
      <c r="F32" s="198">
        <v>4410</v>
      </c>
      <c r="G32" s="198">
        <v>90</v>
      </c>
      <c r="H32" s="198">
        <v>10191</v>
      </c>
      <c r="I32" s="198">
        <v>5227</v>
      </c>
      <c r="J32" s="198">
        <v>4736</v>
      </c>
      <c r="K32" s="213">
        <v>228</v>
      </c>
    </row>
    <row r="33" spans="1:11" ht="9.75" customHeight="1">
      <c r="A33" s="37"/>
      <c r="B33" s="108" t="s">
        <v>120</v>
      </c>
      <c r="C33" s="39"/>
      <c r="D33" s="198">
        <v>21669</v>
      </c>
      <c r="E33" s="198">
        <v>14564</v>
      </c>
      <c r="F33" s="198">
        <v>6933</v>
      </c>
      <c r="G33" s="198">
        <v>172</v>
      </c>
      <c r="H33" s="198">
        <v>21215</v>
      </c>
      <c r="I33" s="198">
        <v>12714</v>
      </c>
      <c r="J33" s="198">
        <v>8280</v>
      </c>
      <c r="K33" s="213">
        <v>221</v>
      </c>
    </row>
    <row r="34" spans="1:11" ht="9.75" customHeight="1">
      <c r="A34" s="37"/>
      <c r="B34" s="108" t="s">
        <v>121</v>
      </c>
      <c r="C34" s="39"/>
      <c r="D34" s="198">
        <v>15832</v>
      </c>
      <c r="E34" s="198">
        <v>10040</v>
      </c>
      <c r="F34" s="198">
        <v>5691</v>
      </c>
      <c r="G34" s="198">
        <v>101</v>
      </c>
      <c r="H34" s="198">
        <v>16288</v>
      </c>
      <c r="I34" s="198">
        <v>9381</v>
      </c>
      <c r="J34" s="198">
        <v>6681</v>
      </c>
      <c r="K34" s="213">
        <v>226</v>
      </c>
    </row>
    <row r="35" spans="1:11" ht="9.75" customHeight="1">
      <c r="A35" s="37"/>
      <c r="B35" s="108" t="s">
        <v>122</v>
      </c>
      <c r="C35" s="39"/>
      <c r="D35" s="198">
        <v>13921</v>
      </c>
      <c r="E35" s="198">
        <v>8655</v>
      </c>
      <c r="F35" s="198">
        <v>5178</v>
      </c>
      <c r="G35" s="198">
        <v>88</v>
      </c>
      <c r="H35" s="198">
        <v>13167</v>
      </c>
      <c r="I35" s="198">
        <v>7890</v>
      </c>
      <c r="J35" s="198">
        <v>5157</v>
      </c>
      <c r="K35" s="213">
        <v>120</v>
      </c>
    </row>
    <row r="36" spans="1:11" ht="9.75" customHeight="1">
      <c r="A36" s="37"/>
      <c r="B36" s="108" t="s">
        <v>123</v>
      </c>
      <c r="C36" s="39"/>
      <c r="D36" s="198">
        <v>16625</v>
      </c>
      <c r="E36" s="198">
        <v>11576</v>
      </c>
      <c r="F36" s="198">
        <v>4946</v>
      </c>
      <c r="G36" s="198">
        <v>103</v>
      </c>
      <c r="H36" s="198">
        <v>15423</v>
      </c>
      <c r="I36" s="198">
        <v>10010</v>
      </c>
      <c r="J36" s="198">
        <v>5211</v>
      </c>
      <c r="K36" s="213">
        <v>202</v>
      </c>
    </row>
    <row r="37" spans="1:11" ht="9.75" customHeight="1">
      <c r="A37" s="37"/>
      <c r="B37" s="108" t="s">
        <v>124</v>
      </c>
      <c r="C37" s="39"/>
      <c r="D37" s="198">
        <v>10201</v>
      </c>
      <c r="E37" s="198">
        <v>6891</v>
      </c>
      <c r="F37" s="198">
        <v>3245</v>
      </c>
      <c r="G37" s="198">
        <v>65</v>
      </c>
      <c r="H37" s="198">
        <v>9702</v>
      </c>
      <c r="I37" s="198">
        <v>6466</v>
      </c>
      <c r="J37" s="198">
        <v>3087</v>
      </c>
      <c r="K37" s="213">
        <v>149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35573</v>
      </c>
      <c r="E39" s="203">
        <v>20544</v>
      </c>
      <c r="F39" s="203">
        <v>14540</v>
      </c>
      <c r="G39" s="203">
        <v>489</v>
      </c>
      <c r="H39" s="203">
        <v>31769</v>
      </c>
      <c r="I39" s="203">
        <v>17535</v>
      </c>
      <c r="J39" s="203">
        <v>13400</v>
      </c>
      <c r="K39" s="214">
        <v>834</v>
      </c>
    </row>
    <row r="40" spans="1:11" ht="9.75" customHeight="1">
      <c r="A40" s="37"/>
      <c r="B40" s="108" t="s">
        <v>110</v>
      </c>
      <c r="C40" s="39"/>
      <c r="D40" s="198">
        <v>7307</v>
      </c>
      <c r="E40" s="198">
        <v>4658</v>
      </c>
      <c r="F40" s="198">
        <v>2572</v>
      </c>
      <c r="G40" s="198">
        <v>77</v>
      </c>
      <c r="H40" s="198">
        <v>7007</v>
      </c>
      <c r="I40" s="198">
        <v>4097</v>
      </c>
      <c r="J40" s="198">
        <v>2686</v>
      </c>
      <c r="K40" s="213">
        <v>224</v>
      </c>
    </row>
    <row r="41" spans="1:11" ht="9.75" customHeight="1">
      <c r="A41" s="37"/>
      <c r="B41" s="108" t="s">
        <v>126</v>
      </c>
      <c r="C41" s="39"/>
      <c r="D41" s="198">
        <v>13171</v>
      </c>
      <c r="E41" s="198">
        <v>7445</v>
      </c>
      <c r="F41" s="198">
        <v>5545</v>
      </c>
      <c r="G41" s="198">
        <v>181</v>
      </c>
      <c r="H41" s="198">
        <v>11345</v>
      </c>
      <c r="I41" s="198">
        <v>6234</v>
      </c>
      <c r="J41" s="198">
        <v>4807</v>
      </c>
      <c r="K41" s="213">
        <v>304</v>
      </c>
    </row>
    <row r="42" spans="1:11" ht="9.75" customHeight="1">
      <c r="A42" s="37"/>
      <c r="B42" s="108" t="s">
        <v>103</v>
      </c>
      <c r="C42" s="39"/>
      <c r="D42" s="198">
        <v>15095</v>
      </c>
      <c r="E42" s="198">
        <v>8441</v>
      </c>
      <c r="F42" s="198">
        <v>6423</v>
      </c>
      <c r="G42" s="198">
        <v>231</v>
      </c>
      <c r="H42" s="198">
        <v>13417</v>
      </c>
      <c r="I42" s="198">
        <v>7204</v>
      </c>
      <c r="J42" s="198">
        <v>5907</v>
      </c>
      <c r="K42" s="213">
        <v>306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14499</v>
      </c>
      <c r="E44" s="198">
        <v>9008</v>
      </c>
      <c r="F44" s="198">
        <v>4835</v>
      </c>
      <c r="G44" s="198">
        <v>656</v>
      </c>
      <c r="H44" s="198">
        <v>15403</v>
      </c>
      <c r="I44" s="198">
        <v>9599</v>
      </c>
      <c r="J44" s="198">
        <v>5757</v>
      </c>
      <c r="K44" s="213">
        <v>47</v>
      </c>
    </row>
    <row r="45" spans="1:11" ht="9.75" customHeight="1">
      <c r="A45" s="206" t="s">
        <v>128</v>
      </c>
      <c r="B45" s="207"/>
      <c r="C45" s="39"/>
      <c r="D45" s="198">
        <v>10047</v>
      </c>
      <c r="E45" s="198">
        <v>4674</v>
      </c>
      <c r="F45" s="198">
        <v>4828</v>
      </c>
      <c r="G45" s="198">
        <v>545</v>
      </c>
      <c r="H45" s="198">
        <v>8371</v>
      </c>
      <c r="I45" s="198">
        <v>4127</v>
      </c>
      <c r="J45" s="198">
        <v>4017</v>
      </c>
      <c r="K45" s="213">
        <v>227</v>
      </c>
    </row>
    <row r="46" spans="1:11" ht="9.75" customHeight="1">
      <c r="A46" s="206" t="s">
        <v>129</v>
      </c>
      <c r="B46" s="207"/>
      <c r="C46" s="39"/>
      <c r="D46" s="198">
        <v>7751</v>
      </c>
      <c r="E46" s="198">
        <v>4476</v>
      </c>
      <c r="F46" s="198">
        <v>3238</v>
      </c>
      <c r="G46" s="198">
        <v>37</v>
      </c>
      <c r="H46" s="198">
        <v>6888</v>
      </c>
      <c r="I46" s="198">
        <v>3460</v>
      </c>
      <c r="J46" s="198">
        <v>3372</v>
      </c>
      <c r="K46" s="213">
        <v>56</v>
      </c>
    </row>
    <row r="47" spans="1:11" ht="9.75" customHeight="1">
      <c r="A47" s="206" t="s">
        <v>130</v>
      </c>
      <c r="B47" s="207"/>
      <c r="C47" s="39"/>
      <c r="D47" s="198">
        <v>21480</v>
      </c>
      <c r="E47" s="198">
        <v>12031</v>
      </c>
      <c r="F47" s="198">
        <v>9302</v>
      </c>
      <c r="G47" s="198">
        <v>147</v>
      </c>
      <c r="H47" s="198">
        <v>18021</v>
      </c>
      <c r="I47" s="198">
        <v>8871</v>
      </c>
      <c r="J47" s="198">
        <v>8899</v>
      </c>
      <c r="K47" s="213">
        <v>251</v>
      </c>
    </row>
    <row r="48" spans="1:11" ht="9.75" customHeight="1">
      <c r="A48" s="206" t="s">
        <v>131</v>
      </c>
      <c r="B48" s="207"/>
      <c r="C48" s="39"/>
      <c r="D48" s="198">
        <v>7863</v>
      </c>
      <c r="E48" s="198">
        <v>4513</v>
      </c>
      <c r="F48" s="198">
        <v>3309</v>
      </c>
      <c r="G48" s="198">
        <v>41</v>
      </c>
      <c r="H48" s="198">
        <v>7102</v>
      </c>
      <c r="I48" s="198">
        <v>3777</v>
      </c>
      <c r="J48" s="198">
        <v>3274</v>
      </c>
      <c r="K48" s="213">
        <v>51</v>
      </c>
    </row>
    <row r="49" spans="1:11" ht="9.75" customHeight="1">
      <c r="A49" s="206" t="s">
        <v>132</v>
      </c>
      <c r="B49" s="207"/>
      <c r="C49" s="39"/>
      <c r="D49" s="198">
        <v>9992</v>
      </c>
      <c r="E49" s="198">
        <v>5044</v>
      </c>
      <c r="F49" s="198">
        <v>4903</v>
      </c>
      <c r="G49" s="198">
        <v>45</v>
      </c>
      <c r="H49" s="198">
        <v>8490</v>
      </c>
      <c r="I49" s="198">
        <v>4033</v>
      </c>
      <c r="J49" s="198">
        <v>4401</v>
      </c>
      <c r="K49" s="213">
        <v>56</v>
      </c>
    </row>
    <row r="50" spans="1:11" ht="9.75" customHeight="1">
      <c r="A50" s="206" t="s">
        <v>133</v>
      </c>
      <c r="B50" s="207"/>
      <c r="C50" s="39"/>
      <c r="D50" s="198">
        <v>2350</v>
      </c>
      <c r="E50" s="198">
        <v>1322</v>
      </c>
      <c r="F50" s="198">
        <v>1019</v>
      </c>
      <c r="G50" s="198">
        <v>9</v>
      </c>
      <c r="H50" s="198">
        <v>2288</v>
      </c>
      <c r="I50" s="198">
        <v>1139</v>
      </c>
      <c r="J50" s="198">
        <v>1130</v>
      </c>
      <c r="K50" s="213">
        <v>19</v>
      </c>
    </row>
    <row r="51" spans="1:11" ht="9.75" customHeight="1">
      <c r="A51" s="206" t="s">
        <v>134</v>
      </c>
      <c r="B51" s="207"/>
      <c r="C51" s="39"/>
      <c r="D51" s="198">
        <v>1291</v>
      </c>
      <c r="E51" s="198">
        <v>601</v>
      </c>
      <c r="F51" s="198">
        <v>679</v>
      </c>
      <c r="G51" s="198">
        <v>11</v>
      </c>
      <c r="H51" s="198">
        <v>1238</v>
      </c>
      <c r="I51" s="198">
        <v>482</v>
      </c>
      <c r="J51" s="198">
        <v>742</v>
      </c>
      <c r="K51" s="213">
        <v>14</v>
      </c>
    </row>
    <row r="52" spans="1:11" ht="9.75" customHeight="1">
      <c r="A52" s="206" t="s">
        <v>135</v>
      </c>
      <c r="B52" s="207"/>
      <c r="C52" s="39"/>
      <c r="D52" s="198">
        <v>6469</v>
      </c>
      <c r="E52" s="198">
        <v>3457</v>
      </c>
      <c r="F52" s="198">
        <v>2937</v>
      </c>
      <c r="G52" s="198">
        <v>75</v>
      </c>
      <c r="H52" s="198">
        <v>5689</v>
      </c>
      <c r="I52" s="198">
        <v>2946</v>
      </c>
      <c r="J52" s="198">
        <v>2673</v>
      </c>
      <c r="K52" s="213">
        <v>70</v>
      </c>
    </row>
    <row r="53" spans="1:11" ht="9.75" customHeight="1">
      <c r="A53" s="206" t="s">
        <v>136</v>
      </c>
      <c r="B53" s="207"/>
      <c r="C53" s="39"/>
      <c r="D53" s="198">
        <v>10939</v>
      </c>
      <c r="E53" s="198">
        <v>6309</v>
      </c>
      <c r="F53" s="198">
        <v>4459</v>
      </c>
      <c r="G53" s="198">
        <v>171</v>
      </c>
      <c r="H53" s="198">
        <v>9473</v>
      </c>
      <c r="I53" s="198">
        <v>4688</v>
      </c>
      <c r="J53" s="198">
        <v>4465</v>
      </c>
      <c r="K53" s="213">
        <v>320</v>
      </c>
    </row>
    <row r="54" spans="1:11" ht="9.75" customHeight="1">
      <c r="A54" s="206" t="s">
        <v>137</v>
      </c>
      <c r="B54" s="207"/>
      <c r="C54" s="39"/>
      <c r="D54" s="198">
        <v>13574</v>
      </c>
      <c r="E54" s="198">
        <v>5599</v>
      </c>
      <c r="F54" s="198">
        <v>7031</v>
      </c>
      <c r="G54" s="198">
        <v>944</v>
      </c>
      <c r="H54" s="198">
        <v>11469</v>
      </c>
      <c r="I54" s="198">
        <v>4688</v>
      </c>
      <c r="J54" s="198">
        <v>5933</v>
      </c>
      <c r="K54" s="213">
        <v>848</v>
      </c>
    </row>
    <row r="55" spans="1:11" ht="9.75" customHeight="1">
      <c r="A55" s="206" t="s">
        <v>138</v>
      </c>
      <c r="B55" s="207"/>
      <c r="C55" s="39"/>
      <c r="D55" s="198">
        <v>5248</v>
      </c>
      <c r="E55" s="198">
        <v>2748</v>
      </c>
      <c r="F55" s="198">
        <v>2453</v>
      </c>
      <c r="G55" s="198">
        <v>47</v>
      </c>
      <c r="H55" s="198">
        <v>4638</v>
      </c>
      <c r="I55" s="198">
        <v>2005</v>
      </c>
      <c r="J55" s="198">
        <v>2563</v>
      </c>
      <c r="K55" s="213">
        <v>70</v>
      </c>
    </row>
    <row r="56" spans="1:11" ht="9.75" customHeight="1">
      <c r="A56" s="206" t="s">
        <v>139</v>
      </c>
      <c r="B56" s="207"/>
      <c r="C56" s="39"/>
      <c r="D56" s="198">
        <v>7998</v>
      </c>
      <c r="E56" s="198">
        <v>3381</v>
      </c>
      <c r="F56" s="198">
        <v>4583</v>
      </c>
      <c r="G56" s="198">
        <v>34</v>
      </c>
      <c r="H56" s="198">
        <v>5762</v>
      </c>
      <c r="I56" s="198">
        <v>2571</v>
      </c>
      <c r="J56" s="198">
        <v>3115</v>
      </c>
      <c r="K56" s="213">
        <v>76</v>
      </c>
    </row>
    <row r="57" spans="1:11" ht="9.75" customHeight="1">
      <c r="A57" s="206" t="s">
        <v>140</v>
      </c>
      <c r="B57" s="207"/>
      <c r="C57" s="39"/>
      <c r="D57" s="198">
        <v>6587</v>
      </c>
      <c r="E57" s="198">
        <v>2995</v>
      </c>
      <c r="F57" s="198">
        <v>3534</v>
      </c>
      <c r="G57" s="198">
        <v>58</v>
      </c>
      <c r="H57" s="198">
        <v>6131</v>
      </c>
      <c r="I57" s="198">
        <v>2667</v>
      </c>
      <c r="J57" s="198">
        <v>3315</v>
      </c>
      <c r="K57" s="213">
        <v>149</v>
      </c>
    </row>
    <row r="58" spans="1:11" ht="9.75" customHeight="1">
      <c r="A58" s="206" t="s">
        <v>141</v>
      </c>
      <c r="B58" s="207"/>
      <c r="C58" s="39"/>
      <c r="D58" s="198">
        <v>1496</v>
      </c>
      <c r="E58" s="198">
        <v>611</v>
      </c>
      <c r="F58" s="198">
        <v>879</v>
      </c>
      <c r="G58" s="198">
        <v>6</v>
      </c>
      <c r="H58" s="198">
        <v>1311</v>
      </c>
      <c r="I58" s="198">
        <v>487</v>
      </c>
      <c r="J58" s="198">
        <v>810</v>
      </c>
      <c r="K58" s="213">
        <v>14</v>
      </c>
    </row>
    <row r="59" spans="1:11" ht="9.75" customHeight="1">
      <c r="A59" s="206" t="s">
        <v>142</v>
      </c>
      <c r="B59" s="207"/>
      <c r="C59" s="39"/>
      <c r="D59" s="198">
        <v>4384</v>
      </c>
      <c r="E59" s="198">
        <v>1800</v>
      </c>
      <c r="F59" s="198">
        <v>2449</v>
      </c>
      <c r="G59" s="198">
        <v>135</v>
      </c>
      <c r="H59" s="198">
        <v>4002</v>
      </c>
      <c r="I59" s="198">
        <v>1449</v>
      </c>
      <c r="J59" s="198">
        <v>2368</v>
      </c>
      <c r="K59" s="213">
        <v>185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8">
        <v>1269</v>
      </c>
      <c r="E61" s="198">
        <v>721</v>
      </c>
      <c r="F61" s="198">
        <v>524</v>
      </c>
      <c r="G61" s="198">
        <v>24</v>
      </c>
      <c r="H61" s="198">
        <v>1212</v>
      </c>
      <c r="I61" s="198">
        <v>583</v>
      </c>
      <c r="J61" s="198">
        <v>619</v>
      </c>
      <c r="K61" s="213">
        <v>10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8">
        <v>2224</v>
      </c>
      <c r="E63" s="198">
        <v>874</v>
      </c>
      <c r="F63" s="198">
        <v>1334</v>
      </c>
      <c r="G63" s="198">
        <v>16</v>
      </c>
      <c r="H63" s="198">
        <v>2021</v>
      </c>
      <c r="I63" s="198">
        <v>761</v>
      </c>
      <c r="J63" s="198">
        <v>1214</v>
      </c>
      <c r="K63" s="213">
        <v>46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2158</v>
      </c>
      <c r="E65" s="203">
        <v>901</v>
      </c>
      <c r="F65" s="203">
        <v>1243</v>
      </c>
      <c r="G65" s="203">
        <v>14</v>
      </c>
      <c r="H65" s="203">
        <v>1970</v>
      </c>
      <c r="I65" s="203">
        <v>818</v>
      </c>
      <c r="J65" s="203">
        <v>1128</v>
      </c>
      <c r="K65" s="214">
        <v>24</v>
      </c>
    </row>
    <row r="66" spans="1:11" ht="9.75" customHeight="1">
      <c r="A66" s="37"/>
      <c r="B66" s="108" t="s">
        <v>146</v>
      </c>
      <c r="C66" s="39"/>
      <c r="D66" s="198">
        <v>1207</v>
      </c>
      <c r="E66" s="198">
        <v>536</v>
      </c>
      <c r="F66" s="198">
        <v>669</v>
      </c>
      <c r="G66" s="198">
        <v>2</v>
      </c>
      <c r="H66" s="198">
        <v>1062</v>
      </c>
      <c r="I66" s="198">
        <v>442</v>
      </c>
      <c r="J66" s="198">
        <v>609</v>
      </c>
      <c r="K66" s="213">
        <v>11</v>
      </c>
    </row>
    <row r="67" spans="1:11" ht="9.75" customHeight="1">
      <c r="A67" s="37"/>
      <c r="B67" s="108" t="s">
        <v>147</v>
      </c>
      <c r="C67" s="39"/>
      <c r="D67" s="198">
        <v>951</v>
      </c>
      <c r="E67" s="198">
        <v>365</v>
      </c>
      <c r="F67" s="198">
        <v>574</v>
      </c>
      <c r="G67" s="198">
        <v>12</v>
      </c>
      <c r="H67" s="198">
        <v>908</v>
      </c>
      <c r="I67" s="198">
        <v>376</v>
      </c>
      <c r="J67" s="198">
        <v>519</v>
      </c>
      <c r="K67" s="213">
        <v>13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3062</v>
      </c>
      <c r="E69" s="203">
        <v>1343</v>
      </c>
      <c r="F69" s="203">
        <v>1650</v>
      </c>
      <c r="G69" s="203">
        <v>69</v>
      </c>
      <c r="H69" s="203">
        <v>2760</v>
      </c>
      <c r="I69" s="203">
        <v>1256</v>
      </c>
      <c r="J69" s="203">
        <v>1442</v>
      </c>
      <c r="K69" s="214">
        <v>62</v>
      </c>
    </row>
    <row r="70" spans="1:11" ht="9.75" customHeight="1">
      <c r="A70" s="37"/>
      <c r="B70" s="108" t="s">
        <v>149</v>
      </c>
      <c r="C70" s="39"/>
      <c r="D70" s="198">
        <v>327</v>
      </c>
      <c r="E70" s="198">
        <v>114</v>
      </c>
      <c r="F70" s="198">
        <v>207</v>
      </c>
      <c r="G70" s="198">
        <v>6</v>
      </c>
      <c r="H70" s="198">
        <v>262</v>
      </c>
      <c r="I70" s="198">
        <v>114</v>
      </c>
      <c r="J70" s="198">
        <v>143</v>
      </c>
      <c r="K70" s="213">
        <v>5</v>
      </c>
    </row>
    <row r="71" spans="1:11" ht="9.75" customHeight="1">
      <c r="A71" s="37"/>
      <c r="B71" s="108" t="s">
        <v>150</v>
      </c>
      <c r="C71" s="39"/>
      <c r="D71" s="198">
        <v>706</v>
      </c>
      <c r="E71" s="198">
        <v>201</v>
      </c>
      <c r="F71" s="198">
        <v>468</v>
      </c>
      <c r="G71" s="198">
        <v>37</v>
      </c>
      <c r="H71" s="198">
        <v>619</v>
      </c>
      <c r="I71" s="198">
        <v>210</v>
      </c>
      <c r="J71" s="198">
        <v>383</v>
      </c>
      <c r="K71" s="213">
        <v>26</v>
      </c>
    </row>
    <row r="72" spans="1:11" ht="9.75" customHeight="1">
      <c r="A72" s="37"/>
      <c r="B72" s="108" t="s">
        <v>151</v>
      </c>
      <c r="C72" s="39"/>
      <c r="D72" s="198">
        <v>910</v>
      </c>
      <c r="E72" s="198">
        <v>652</v>
      </c>
      <c r="F72" s="198">
        <v>256</v>
      </c>
      <c r="G72" s="198">
        <v>2</v>
      </c>
      <c r="H72" s="198">
        <v>927</v>
      </c>
      <c r="I72" s="198">
        <v>604</v>
      </c>
      <c r="J72" s="198">
        <v>313</v>
      </c>
      <c r="K72" s="213">
        <v>10</v>
      </c>
    </row>
    <row r="73" spans="1:11" ht="9.75" customHeight="1">
      <c r="A73" s="37"/>
      <c r="B73" s="108" t="s">
        <v>152</v>
      </c>
      <c r="C73" s="39"/>
      <c r="D73" s="198">
        <v>242</v>
      </c>
      <c r="E73" s="198">
        <v>108</v>
      </c>
      <c r="F73" s="198">
        <v>128</v>
      </c>
      <c r="G73" s="198">
        <v>6</v>
      </c>
      <c r="H73" s="198">
        <v>294</v>
      </c>
      <c r="I73" s="198">
        <v>112</v>
      </c>
      <c r="J73" s="198">
        <v>174</v>
      </c>
      <c r="K73" s="213">
        <v>8</v>
      </c>
    </row>
    <row r="74" spans="1:11" ht="9.75" customHeight="1">
      <c r="A74" s="37"/>
      <c r="B74" s="108" t="s">
        <v>153</v>
      </c>
      <c r="C74" s="39"/>
      <c r="D74" s="198">
        <v>877</v>
      </c>
      <c r="E74" s="198">
        <v>268</v>
      </c>
      <c r="F74" s="198">
        <v>591</v>
      </c>
      <c r="G74" s="198">
        <v>18</v>
      </c>
      <c r="H74" s="198">
        <v>658</v>
      </c>
      <c r="I74" s="198">
        <v>216</v>
      </c>
      <c r="J74" s="198">
        <v>429</v>
      </c>
      <c r="K74" s="213">
        <v>13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2659</v>
      </c>
      <c r="E76" s="203">
        <v>1682</v>
      </c>
      <c r="F76" s="203">
        <v>801</v>
      </c>
      <c r="G76" s="203">
        <v>176</v>
      </c>
      <c r="H76" s="203">
        <v>2484</v>
      </c>
      <c r="I76" s="203">
        <v>1324</v>
      </c>
      <c r="J76" s="203">
        <v>1061</v>
      </c>
      <c r="K76" s="214">
        <v>99</v>
      </c>
    </row>
    <row r="77" spans="1:11" ht="9.75" customHeight="1">
      <c r="A77" s="37"/>
      <c r="B77" s="108" t="s">
        <v>155</v>
      </c>
      <c r="C77" s="39"/>
      <c r="D77" s="198">
        <v>1198</v>
      </c>
      <c r="E77" s="198">
        <v>725</v>
      </c>
      <c r="F77" s="198">
        <v>308</v>
      </c>
      <c r="G77" s="198">
        <v>165</v>
      </c>
      <c r="H77" s="198">
        <v>1195</v>
      </c>
      <c r="I77" s="198">
        <v>629</v>
      </c>
      <c r="J77" s="198">
        <v>475</v>
      </c>
      <c r="K77" s="213">
        <v>91</v>
      </c>
    </row>
    <row r="78" spans="1:11" ht="9.75" customHeight="1">
      <c r="A78" s="37"/>
      <c r="B78" s="108" t="s">
        <v>156</v>
      </c>
      <c r="C78" s="39"/>
      <c r="D78" s="198">
        <v>224</v>
      </c>
      <c r="E78" s="198">
        <v>97</v>
      </c>
      <c r="F78" s="198">
        <v>124</v>
      </c>
      <c r="G78" s="198">
        <v>3</v>
      </c>
      <c r="H78" s="198">
        <v>215</v>
      </c>
      <c r="I78" s="198">
        <v>86</v>
      </c>
      <c r="J78" s="198">
        <v>127</v>
      </c>
      <c r="K78" s="213">
        <v>2</v>
      </c>
    </row>
    <row r="79" spans="1:11" ht="9.75" customHeight="1">
      <c r="A79" s="37"/>
      <c r="B79" s="108" t="s">
        <v>157</v>
      </c>
      <c r="C79" s="39"/>
      <c r="D79" s="198">
        <v>1237</v>
      </c>
      <c r="E79" s="198">
        <v>860</v>
      </c>
      <c r="F79" s="198">
        <v>369</v>
      </c>
      <c r="G79" s="198">
        <v>8</v>
      </c>
      <c r="H79" s="198">
        <v>1074</v>
      </c>
      <c r="I79" s="198">
        <v>609</v>
      </c>
      <c r="J79" s="198">
        <v>459</v>
      </c>
      <c r="K79" s="213">
        <v>6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1933</v>
      </c>
      <c r="E81" s="203">
        <v>961</v>
      </c>
      <c r="F81" s="203">
        <v>938</v>
      </c>
      <c r="G81" s="203">
        <v>34</v>
      </c>
      <c r="H81" s="203">
        <v>1748</v>
      </c>
      <c r="I81" s="203">
        <v>705</v>
      </c>
      <c r="J81" s="203">
        <v>924</v>
      </c>
      <c r="K81" s="214">
        <v>119</v>
      </c>
    </row>
    <row r="82" spans="1:11" ht="9.75" customHeight="1">
      <c r="A82" s="37"/>
      <c r="B82" s="108" t="s">
        <v>159</v>
      </c>
      <c r="C82" s="39"/>
      <c r="D82" s="198">
        <v>1875</v>
      </c>
      <c r="E82" s="198">
        <v>939</v>
      </c>
      <c r="F82" s="198">
        <v>902</v>
      </c>
      <c r="G82" s="198">
        <v>34</v>
      </c>
      <c r="H82" s="198">
        <v>1672</v>
      </c>
      <c r="I82" s="198">
        <v>679</v>
      </c>
      <c r="J82" s="198">
        <v>874</v>
      </c>
      <c r="K82" s="213">
        <v>119</v>
      </c>
    </row>
    <row r="83" spans="1:11" ht="9.75" customHeight="1">
      <c r="A83" s="37"/>
      <c r="B83" s="108" t="s">
        <v>160</v>
      </c>
      <c r="C83" s="39"/>
      <c r="D83" s="198">
        <v>58</v>
      </c>
      <c r="E83" s="198">
        <v>22</v>
      </c>
      <c r="F83" s="198">
        <v>36</v>
      </c>
      <c r="G83" s="198">
        <v>0</v>
      </c>
      <c r="H83" s="198">
        <v>76</v>
      </c>
      <c r="I83" s="198">
        <v>26</v>
      </c>
      <c r="J83" s="198">
        <v>50</v>
      </c>
      <c r="K83" s="213">
        <v>0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13.5" customHeight="1">
      <c r="A85" s="70" t="s">
        <v>166</v>
      </c>
      <c r="B85" s="216"/>
      <c r="C85" s="216"/>
      <c r="D85" s="216"/>
      <c r="E85" s="216"/>
      <c r="F85" s="216"/>
      <c r="G85" s="216"/>
      <c r="H85" s="216"/>
      <c r="I85" s="216"/>
      <c r="J85" s="216"/>
    </row>
    <row r="86" spans="1:11" ht="1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67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69</v>
      </c>
      <c r="E3" s="79"/>
      <c r="F3" s="79"/>
      <c r="G3" s="209"/>
      <c r="H3" s="90" t="s">
        <v>170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31177</v>
      </c>
      <c r="E6" s="17">
        <v>4579919</v>
      </c>
      <c r="F6" s="17">
        <v>4651258</v>
      </c>
      <c r="G6" s="17">
        <v>4266757</v>
      </c>
      <c r="H6" s="17">
        <v>9224962</v>
      </c>
      <c r="I6" s="17">
        <v>4576442</v>
      </c>
      <c r="J6" s="17">
        <v>4648520</v>
      </c>
      <c r="K6" s="211">
        <v>4264122</v>
      </c>
    </row>
    <row r="7" spans="1:22" s="29" customFormat="1" ht="9.75" customHeight="1">
      <c r="A7" s="193" t="s">
        <v>96</v>
      </c>
      <c r="B7" s="194"/>
      <c r="C7" s="32"/>
      <c r="D7" s="195">
        <v>8943901</v>
      </c>
      <c r="E7" s="195">
        <v>4438627</v>
      </c>
      <c r="F7" s="195">
        <v>4505274</v>
      </c>
      <c r="G7" s="195">
        <v>4144948</v>
      </c>
      <c r="H7" s="195">
        <v>8937949</v>
      </c>
      <c r="I7" s="195">
        <v>4435267</v>
      </c>
      <c r="J7" s="195">
        <v>4502682</v>
      </c>
      <c r="K7" s="212">
        <v>4142343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7276</v>
      </c>
      <c r="E8" s="195">
        <v>141292</v>
      </c>
      <c r="F8" s="195">
        <v>145984</v>
      </c>
      <c r="G8" s="195">
        <v>121809</v>
      </c>
      <c r="H8" s="195">
        <v>287013</v>
      </c>
      <c r="I8" s="195">
        <v>141175</v>
      </c>
      <c r="J8" s="195">
        <v>145838</v>
      </c>
      <c r="K8" s="212">
        <v>121779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72029</v>
      </c>
      <c r="E10" s="203">
        <v>1862325</v>
      </c>
      <c r="F10" s="203">
        <v>1909704</v>
      </c>
      <c r="G10" s="203">
        <v>1766617</v>
      </c>
      <c r="H10" s="203">
        <v>3768902</v>
      </c>
      <c r="I10" s="203">
        <v>1860563</v>
      </c>
      <c r="J10" s="203">
        <v>1908339</v>
      </c>
      <c r="K10" s="214">
        <v>1764924</v>
      </c>
    </row>
    <row r="11" spans="1:22" ht="9.75" customHeight="1">
      <c r="A11" s="37"/>
      <c r="B11" s="108" t="s">
        <v>99</v>
      </c>
      <c r="C11" s="39"/>
      <c r="D11" s="198">
        <v>295580</v>
      </c>
      <c r="E11" s="198">
        <v>152335</v>
      </c>
      <c r="F11" s="198">
        <v>143245</v>
      </c>
      <c r="G11" s="198">
        <v>145521</v>
      </c>
      <c r="H11" s="198">
        <v>295377</v>
      </c>
      <c r="I11" s="198">
        <v>152237</v>
      </c>
      <c r="J11" s="198">
        <v>143140</v>
      </c>
      <c r="K11" s="213">
        <v>145414</v>
      </c>
    </row>
    <row r="12" spans="1:22" ht="9.75" customHeight="1">
      <c r="A12" s="37"/>
      <c r="B12" s="108" t="s">
        <v>100</v>
      </c>
      <c r="C12" s="39"/>
      <c r="D12" s="198">
        <v>247444</v>
      </c>
      <c r="E12" s="198">
        <v>126161</v>
      </c>
      <c r="F12" s="198">
        <v>121283</v>
      </c>
      <c r="G12" s="198">
        <v>130387</v>
      </c>
      <c r="H12" s="198">
        <v>247268</v>
      </c>
      <c r="I12" s="198">
        <v>126051</v>
      </c>
      <c r="J12" s="198">
        <v>121217</v>
      </c>
      <c r="K12" s="213">
        <v>130221</v>
      </c>
    </row>
    <row r="13" spans="1:22" ht="9.75" customHeight="1">
      <c r="A13" s="37"/>
      <c r="B13" s="108" t="s">
        <v>101</v>
      </c>
      <c r="C13" s="39"/>
      <c r="D13" s="198">
        <v>104483</v>
      </c>
      <c r="E13" s="198">
        <v>52764</v>
      </c>
      <c r="F13" s="198">
        <v>51719</v>
      </c>
      <c r="G13" s="198">
        <v>57244</v>
      </c>
      <c r="H13" s="198">
        <v>104384</v>
      </c>
      <c r="I13" s="198">
        <v>52719</v>
      </c>
      <c r="J13" s="198">
        <v>51665</v>
      </c>
      <c r="K13" s="213">
        <v>57176</v>
      </c>
    </row>
    <row r="14" spans="1:22" ht="9.75" customHeight="1">
      <c r="A14" s="37"/>
      <c r="B14" s="108" t="s">
        <v>102</v>
      </c>
      <c r="C14" s="39"/>
      <c r="D14" s="198">
        <v>150271</v>
      </c>
      <c r="E14" s="198">
        <v>76475</v>
      </c>
      <c r="F14" s="198">
        <v>73796</v>
      </c>
      <c r="G14" s="198">
        <v>84877</v>
      </c>
      <c r="H14" s="198">
        <v>150175</v>
      </c>
      <c r="I14" s="198">
        <v>76386</v>
      </c>
      <c r="J14" s="198">
        <v>73789</v>
      </c>
      <c r="K14" s="213">
        <v>84854</v>
      </c>
    </row>
    <row r="15" spans="1:22" ht="9.75" customHeight="1">
      <c r="A15" s="37"/>
      <c r="B15" s="108" t="s">
        <v>103</v>
      </c>
      <c r="C15" s="39"/>
      <c r="D15" s="198">
        <v>197517</v>
      </c>
      <c r="E15" s="198">
        <v>98564</v>
      </c>
      <c r="F15" s="198">
        <v>98953</v>
      </c>
      <c r="G15" s="198">
        <v>104546</v>
      </c>
      <c r="H15" s="198">
        <v>197273</v>
      </c>
      <c r="I15" s="198">
        <v>98405</v>
      </c>
      <c r="J15" s="198">
        <v>98868</v>
      </c>
      <c r="K15" s="213">
        <v>104405</v>
      </c>
    </row>
    <row r="16" spans="1:22" ht="9.75" customHeight="1">
      <c r="A16" s="37"/>
      <c r="B16" s="108" t="s">
        <v>104</v>
      </c>
      <c r="C16" s="39"/>
      <c r="D16" s="198">
        <v>215222</v>
      </c>
      <c r="E16" s="198">
        <v>104900</v>
      </c>
      <c r="F16" s="198">
        <v>110322</v>
      </c>
      <c r="G16" s="198">
        <v>96561</v>
      </c>
      <c r="H16" s="198">
        <v>215088</v>
      </c>
      <c r="I16" s="198">
        <v>104826</v>
      </c>
      <c r="J16" s="198">
        <v>110262</v>
      </c>
      <c r="K16" s="213">
        <v>96536</v>
      </c>
    </row>
    <row r="17" spans="1:11" ht="9.75" customHeight="1">
      <c r="A17" s="37"/>
      <c r="B17" s="108" t="s">
        <v>105</v>
      </c>
      <c r="C17" s="39"/>
      <c r="D17" s="198">
        <v>206631</v>
      </c>
      <c r="E17" s="198">
        <v>101211</v>
      </c>
      <c r="F17" s="198">
        <v>105420</v>
      </c>
      <c r="G17" s="198">
        <v>99615</v>
      </c>
      <c r="H17" s="198">
        <v>206278</v>
      </c>
      <c r="I17" s="198">
        <v>100999</v>
      </c>
      <c r="J17" s="198">
        <v>105279</v>
      </c>
      <c r="K17" s="213">
        <v>99412</v>
      </c>
    </row>
    <row r="18" spans="1:11" ht="9.75" customHeight="1">
      <c r="A18" s="37"/>
      <c r="B18" s="108" t="s">
        <v>106</v>
      </c>
      <c r="C18" s="39"/>
      <c r="D18" s="198">
        <v>243359</v>
      </c>
      <c r="E18" s="198">
        <v>117399</v>
      </c>
      <c r="F18" s="198">
        <v>125960</v>
      </c>
      <c r="G18" s="198">
        <v>107254</v>
      </c>
      <c r="H18" s="198">
        <v>243179</v>
      </c>
      <c r="I18" s="198">
        <v>117267</v>
      </c>
      <c r="J18" s="198">
        <v>125912</v>
      </c>
      <c r="K18" s="213">
        <v>107200</v>
      </c>
    </row>
    <row r="19" spans="1:11" ht="9.75" customHeight="1">
      <c r="A19" s="37"/>
      <c r="B19" s="108" t="s">
        <v>107</v>
      </c>
      <c r="C19" s="39"/>
      <c r="D19" s="198">
        <v>166260</v>
      </c>
      <c r="E19" s="198">
        <v>81745</v>
      </c>
      <c r="F19" s="198">
        <v>84515</v>
      </c>
      <c r="G19" s="198">
        <v>79156</v>
      </c>
      <c r="H19" s="198">
        <v>166174</v>
      </c>
      <c r="I19" s="198">
        <v>81703</v>
      </c>
      <c r="J19" s="198">
        <v>84471</v>
      </c>
      <c r="K19" s="213">
        <v>79106</v>
      </c>
    </row>
    <row r="20" spans="1:11" ht="9.75" customHeight="1">
      <c r="A20" s="37"/>
      <c r="B20" s="108" t="s">
        <v>108</v>
      </c>
      <c r="C20" s="39"/>
      <c r="D20" s="198">
        <v>197646</v>
      </c>
      <c r="E20" s="198">
        <v>96120</v>
      </c>
      <c r="F20" s="198">
        <v>101526</v>
      </c>
      <c r="G20" s="198">
        <v>90406</v>
      </c>
      <c r="H20" s="198">
        <v>197169</v>
      </c>
      <c r="I20" s="198">
        <v>95931</v>
      </c>
      <c r="J20" s="198">
        <v>101238</v>
      </c>
      <c r="K20" s="213">
        <v>90039</v>
      </c>
    </row>
    <row r="21" spans="1:11" ht="9.75" customHeight="1">
      <c r="A21" s="37"/>
      <c r="B21" s="108" t="s">
        <v>109</v>
      </c>
      <c r="C21" s="39"/>
      <c r="D21" s="198">
        <v>359521</v>
      </c>
      <c r="E21" s="198">
        <v>179335</v>
      </c>
      <c r="F21" s="198">
        <v>180186</v>
      </c>
      <c r="G21" s="198">
        <v>176936</v>
      </c>
      <c r="H21" s="198">
        <v>359247</v>
      </c>
      <c r="I21" s="198">
        <v>179198</v>
      </c>
      <c r="J21" s="198">
        <v>180049</v>
      </c>
      <c r="K21" s="213">
        <v>176763</v>
      </c>
    </row>
    <row r="22" spans="1:11" ht="9.75" customHeight="1">
      <c r="A22" s="37"/>
      <c r="B22" s="108" t="s">
        <v>110</v>
      </c>
      <c r="C22" s="39"/>
      <c r="D22" s="198">
        <v>183222</v>
      </c>
      <c r="E22" s="198">
        <v>90027</v>
      </c>
      <c r="F22" s="198">
        <v>93195</v>
      </c>
      <c r="G22" s="198">
        <v>80278</v>
      </c>
      <c r="H22" s="198">
        <v>183035</v>
      </c>
      <c r="I22" s="198">
        <v>89925</v>
      </c>
      <c r="J22" s="198">
        <v>93110</v>
      </c>
      <c r="K22" s="213">
        <v>80193</v>
      </c>
    </row>
    <row r="23" spans="1:11" ht="9.75" customHeight="1">
      <c r="A23" s="37"/>
      <c r="B23" s="108" t="s">
        <v>111</v>
      </c>
      <c r="C23" s="39"/>
      <c r="D23" s="198">
        <v>311146</v>
      </c>
      <c r="E23" s="198">
        <v>150136</v>
      </c>
      <c r="F23" s="198">
        <v>161010</v>
      </c>
      <c r="G23" s="198">
        <v>134290</v>
      </c>
      <c r="H23" s="198">
        <v>311036</v>
      </c>
      <c r="I23" s="198">
        <v>150068</v>
      </c>
      <c r="J23" s="198">
        <v>160968</v>
      </c>
      <c r="K23" s="213">
        <v>134224</v>
      </c>
    </row>
    <row r="24" spans="1:11" ht="9.75" customHeight="1">
      <c r="A24" s="37"/>
      <c r="B24" s="108" t="s">
        <v>112</v>
      </c>
      <c r="C24" s="39"/>
      <c r="D24" s="198">
        <v>214891</v>
      </c>
      <c r="E24" s="198">
        <v>105270</v>
      </c>
      <c r="F24" s="198">
        <v>109621</v>
      </c>
      <c r="G24" s="198">
        <v>86320</v>
      </c>
      <c r="H24" s="198">
        <v>214862</v>
      </c>
      <c r="I24" s="198">
        <v>105255</v>
      </c>
      <c r="J24" s="198">
        <v>109607</v>
      </c>
      <c r="K24" s="213">
        <v>86337</v>
      </c>
    </row>
    <row r="25" spans="1:11" ht="9.75" customHeight="1">
      <c r="A25" s="37"/>
      <c r="B25" s="108" t="s">
        <v>113</v>
      </c>
      <c r="C25" s="39"/>
      <c r="D25" s="198">
        <v>284084</v>
      </c>
      <c r="E25" s="198">
        <v>138420</v>
      </c>
      <c r="F25" s="198">
        <v>145664</v>
      </c>
      <c r="G25" s="198">
        <v>123355</v>
      </c>
      <c r="H25" s="198">
        <v>283862</v>
      </c>
      <c r="I25" s="198">
        <v>138300</v>
      </c>
      <c r="J25" s="198">
        <v>145562</v>
      </c>
      <c r="K25" s="213">
        <v>123281</v>
      </c>
    </row>
    <row r="26" spans="1:11" ht="9.75" customHeight="1">
      <c r="A26" s="37"/>
      <c r="B26" s="108" t="s">
        <v>114</v>
      </c>
      <c r="C26" s="39"/>
      <c r="D26" s="198">
        <v>120613</v>
      </c>
      <c r="E26" s="198">
        <v>58765</v>
      </c>
      <c r="F26" s="198">
        <v>61848</v>
      </c>
      <c r="G26" s="198">
        <v>53366</v>
      </c>
      <c r="H26" s="198">
        <v>120487</v>
      </c>
      <c r="I26" s="198">
        <v>58691</v>
      </c>
      <c r="J26" s="198">
        <v>61796</v>
      </c>
      <c r="K26" s="213">
        <v>53257</v>
      </c>
    </row>
    <row r="27" spans="1:11" ht="9.75" customHeight="1">
      <c r="A27" s="37"/>
      <c r="B27" s="108" t="s">
        <v>115</v>
      </c>
      <c r="C27" s="39"/>
      <c r="D27" s="198">
        <v>152087</v>
      </c>
      <c r="E27" s="198">
        <v>73689</v>
      </c>
      <c r="F27" s="198">
        <v>78398</v>
      </c>
      <c r="G27" s="198">
        <v>63514</v>
      </c>
      <c r="H27" s="198">
        <v>152024</v>
      </c>
      <c r="I27" s="198">
        <v>73647</v>
      </c>
      <c r="J27" s="198">
        <v>78377</v>
      </c>
      <c r="K27" s="213">
        <v>63509</v>
      </c>
    </row>
    <row r="28" spans="1:11" ht="9.75" customHeight="1">
      <c r="A28" s="37"/>
      <c r="B28" s="108" t="s">
        <v>116</v>
      </c>
      <c r="C28" s="39"/>
      <c r="D28" s="198">
        <v>122052</v>
      </c>
      <c r="E28" s="198">
        <v>59009</v>
      </c>
      <c r="F28" s="198">
        <v>63043</v>
      </c>
      <c r="G28" s="198">
        <v>52991</v>
      </c>
      <c r="H28" s="198">
        <v>121984</v>
      </c>
      <c r="I28" s="198">
        <v>58955</v>
      </c>
      <c r="J28" s="198">
        <v>63029</v>
      </c>
      <c r="K28" s="213">
        <v>52997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38825</v>
      </c>
      <c r="E30" s="203">
        <v>774902</v>
      </c>
      <c r="F30" s="203">
        <v>763923</v>
      </c>
      <c r="G30" s="203">
        <v>754576</v>
      </c>
      <c r="H30" s="203">
        <v>1537929</v>
      </c>
      <c r="I30" s="203">
        <v>774389</v>
      </c>
      <c r="J30" s="203">
        <v>763540</v>
      </c>
      <c r="K30" s="214">
        <v>753967</v>
      </c>
    </row>
    <row r="31" spans="1:11" ht="9.75" customHeight="1">
      <c r="A31" s="37"/>
      <c r="B31" s="108" t="s">
        <v>118</v>
      </c>
      <c r="C31" s="39"/>
      <c r="D31" s="198">
        <v>230553</v>
      </c>
      <c r="E31" s="198">
        <v>123835</v>
      </c>
      <c r="F31" s="198">
        <v>106718</v>
      </c>
      <c r="G31" s="198">
        <v>123290</v>
      </c>
      <c r="H31" s="198">
        <v>230265</v>
      </c>
      <c r="I31" s="198">
        <v>123674</v>
      </c>
      <c r="J31" s="198">
        <v>106591</v>
      </c>
      <c r="K31" s="213">
        <v>123102</v>
      </c>
    </row>
    <row r="32" spans="1:11" ht="9.75" customHeight="1">
      <c r="A32" s="37"/>
      <c r="B32" s="108" t="s">
        <v>119</v>
      </c>
      <c r="C32" s="39"/>
      <c r="D32" s="198">
        <v>171272</v>
      </c>
      <c r="E32" s="198">
        <v>86533</v>
      </c>
      <c r="F32" s="198">
        <v>84739</v>
      </c>
      <c r="G32" s="198">
        <v>80522</v>
      </c>
      <c r="H32" s="198">
        <v>171162</v>
      </c>
      <c r="I32" s="198">
        <v>86472</v>
      </c>
      <c r="J32" s="198">
        <v>84690</v>
      </c>
      <c r="K32" s="213">
        <v>80454</v>
      </c>
    </row>
    <row r="33" spans="1:11" ht="9.75" customHeight="1">
      <c r="A33" s="37"/>
      <c r="B33" s="108" t="s">
        <v>120</v>
      </c>
      <c r="C33" s="39"/>
      <c r="D33" s="198">
        <v>264214</v>
      </c>
      <c r="E33" s="198">
        <v>133771</v>
      </c>
      <c r="F33" s="198">
        <v>130443</v>
      </c>
      <c r="G33" s="198">
        <v>135997</v>
      </c>
      <c r="H33" s="198">
        <v>264133</v>
      </c>
      <c r="I33" s="198">
        <v>133701</v>
      </c>
      <c r="J33" s="198">
        <v>130432</v>
      </c>
      <c r="K33" s="213">
        <v>135863</v>
      </c>
    </row>
    <row r="34" spans="1:11" ht="9.75" customHeight="1">
      <c r="A34" s="37"/>
      <c r="B34" s="108" t="s">
        <v>121</v>
      </c>
      <c r="C34" s="39"/>
      <c r="D34" s="198">
        <v>234478</v>
      </c>
      <c r="E34" s="198">
        <v>116257</v>
      </c>
      <c r="F34" s="198">
        <v>118221</v>
      </c>
      <c r="G34" s="198">
        <v>114918</v>
      </c>
      <c r="H34" s="198">
        <v>234320</v>
      </c>
      <c r="I34" s="198">
        <v>116149</v>
      </c>
      <c r="J34" s="198">
        <v>118171</v>
      </c>
      <c r="K34" s="213">
        <v>114848</v>
      </c>
    </row>
    <row r="35" spans="1:11" ht="9.75" customHeight="1">
      <c r="A35" s="37"/>
      <c r="B35" s="108" t="s">
        <v>122</v>
      </c>
      <c r="C35" s="39"/>
      <c r="D35" s="198">
        <v>234394</v>
      </c>
      <c r="E35" s="198">
        <v>113621</v>
      </c>
      <c r="F35" s="198">
        <v>120773</v>
      </c>
      <c r="G35" s="198">
        <v>103724</v>
      </c>
      <c r="H35" s="198">
        <v>234414</v>
      </c>
      <c r="I35" s="198">
        <v>113639</v>
      </c>
      <c r="J35" s="198">
        <v>120775</v>
      </c>
      <c r="K35" s="213">
        <v>103727</v>
      </c>
    </row>
    <row r="36" spans="1:11" ht="9.75" customHeight="1">
      <c r="A36" s="37"/>
      <c r="B36" s="108" t="s">
        <v>123</v>
      </c>
      <c r="C36" s="39"/>
      <c r="D36" s="198">
        <v>223088</v>
      </c>
      <c r="E36" s="198">
        <v>113612</v>
      </c>
      <c r="F36" s="198">
        <v>109476</v>
      </c>
      <c r="G36" s="198">
        <v>115760</v>
      </c>
      <c r="H36" s="198">
        <v>222969</v>
      </c>
      <c r="I36" s="198">
        <v>113561</v>
      </c>
      <c r="J36" s="198">
        <v>109408</v>
      </c>
      <c r="K36" s="213">
        <v>115699</v>
      </c>
    </row>
    <row r="37" spans="1:11" ht="9.75" customHeight="1">
      <c r="A37" s="37"/>
      <c r="B37" s="108" t="s">
        <v>124</v>
      </c>
      <c r="C37" s="39"/>
      <c r="D37" s="198">
        <v>180826</v>
      </c>
      <c r="E37" s="198">
        <v>87273</v>
      </c>
      <c r="F37" s="198">
        <v>93553</v>
      </c>
      <c r="G37" s="198">
        <v>80365</v>
      </c>
      <c r="H37" s="198">
        <v>180666</v>
      </c>
      <c r="I37" s="198">
        <v>87193</v>
      </c>
      <c r="J37" s="198">
        <v>93473</v>
      </c>
      <c r="K37" s="213">
        <v>80274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6025</v>
      </c>
      <c r="E39" s="203">
        <v>361887</v>
      </c>
      <c r="F39" s="203">
        <v>364138</v>
      </c>
      <c r="G39" s="203">
        <v>337669</v>
      </c>
      <c r="H39" s="203">
        <v>725712</v>
      </c>
      <c r="I39" s="203">
        <v>361693</v>
      </c>
      <c r="J39" s="203">
        <v>364019</v>
      </c>
      <c r="K39" s="214">
        <v>337623</v>
      </c>
    </row>
    <row r="40" spans="1:11" ht="9.75" customHeight="1">
      <c r="A40" s="37"/>
      <c r="B40" s="108" t="s">
        <v>110</v>
      </c>
      <c r="C40" s="39"/>
      <c r="D40" s="198">
        <v>169461</v>
      </c>
      <c r="E40" s="198">
        <v>85121</v>
      </c>
      <c r="F40" s="198">
        <v>84340</v>
      </c>
      <c r="G40" s="198">
        <v>75830</v>
      </c>
      <c r="H40" s="198">
        <v>169348</v>
      </c>
      <c r="I40" s="198">
        <v>85076</v>
      </c>
      <c r="J40" s="198">
        <v>84272</v>
      </c>
      <c r="K40" s="213">
        <v>75775</v>
      </c>
    </row>
    <row r="41" spans="1:11" ht="9.75" customHeight="1">
      <c r="A41" s="37"/>
      <c r="B41" s="108" t="s">
        <v>126</v>
      </c>
      <c r="C41" s="39"/>
      <c r="D41" s="198">
        <v>274070</v>
      </c>
      <c r="E41" s="198">
        <v>136978</v>
      </c>
      <c r="F41" s="198">
        <v>137092</v>
      </c>
      <c r="G41" s="198">
        <v>126705</v>
      </c>
      <c r="H41" s="198">
        <v>273918</v>
      </c>
      <c r="I41" s="198">
        <v>136887</v>
      </c>
      <c r="J41" s="198">
        <v>137031</v>
      </c>
      <c r="K41" s="213">
        <v>126711</v>
      </c>
    </row>
    <row r="42" spans="1:11" ht="9.75" customHeight="1">
      <c r="A42" s="37"/>
      <c r="B42" s="108" t="s">
        <v>103</v>
      </c>
      <c r="C42" s="39"/>
      <c r="D42" s="198">
        <v>282494</v>
      </c>
      <c r="E42" s="198">
        <v>139788</v>
      </c>
      <c r="F42" s="198">
        <v>142706</v>
      </c>
      <c r="G42" s="198">
        <v>135134</v>
      </c>
      <c r="H42" s="198">
        <v>282446</v>
      </c>
      <c r="I42" s="198">
        <v>139730</v>
      </c>
      <c r="J42" s="198">
        <v>142716</v>
      </c>
      <c r="K42" s="213">
        <v>135137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83260</v>
      </c>
      <c r="E44" s="198">
        <v>190994</v>
      </c>
      <c r="F44" s="198">
        <v>192266</v>
      </c>
      <c r="G44" s="198">
        <v>165671</v>
      </c>
      <c r="H44" s="198">
        <v>382694</v>
      </c>
      <c r="I44" s="198">
        <v>190706</v>
      </c>
      <c r="J44" s="198">
        <v>191988</v>
      </c>
      <c r="K44" s="213">
        <v>165517</v>
      </c>
    </row>
    <row r="45" spans="1:11" ht="9.75" customHeight="1">
      <c r="A45" s="206" t="s">
        <v>128</v>
      </c>
      <c r="B45" s="207"/>
      <c r="C45" s="39"/>
      <c r="D45" s="198">
        <v>257631</v>
      </c>
      <c r="E45" s="198">
        <v>128573</v>
      </c>
      <c r="F45" s="198">
        <v>129058</v>
      </c>
      <c r="G45" s="198">
        <v>113453</v>
      </c>
      <c r="H45" s="198">
        <v>257504</v>
      </c>
      <c r="I45" s="198">
        <v>128497</v>
      </c>
      <c r="J45" s="198">
        <v>129007</v>
      </c>
      <c r="K45" s="213">
        <v>113384</v>
      </c>
    </row>
    <row r="46" spans="1:11" ht="9.75" customHeight="1">
      <c r="A46" s="206" t="s">
        <v>129</v>
      </c>
      <c r="B46" s="207"/>
      <c r="C46" s="39"/>
      <c r="D46" s="198">
        <v>172698</v>
      </c>
      <c r="E46" s="198">
        <v>81089</v>
      </c>
      <c r="F46" s="198">
        <v>91609</v>
      </c>
      <c r="G46" s="198">
        <v>76470</v>
      </c>
      <c r="H46" s="198">
        <v>172616</v>
      </c>
      <c r="I46" s="198">
        <v>81049</v>
      </c>
      <c r="J46" s="198">
        <v>91567</v>
      </c>
      <c r="K46" s="213">
        <v>76423</v>
      </c>
    </row>
    <row r="47" spans="1:11" ht="9.75" customHeight="1">
      <c r="A47" s="206" t="s">
        <v>130</v>
      </c>
      <c r="B47" s="207"/>
      <c r="C47" s="39"/>
      <c r="D47" s="198">
        <v>441708</v>
      </c>
      <c r="E47" s="198">
        <v>218078</v>
      </c>
      <c r="F47" s="198">
        <v>223630</v>
      </c>
      <c r="G47" s="198">
        <v>197827</v>
      </c>
      <c r="H47" s="198">
        <v>441643</v>
      </c>
      <c r="I47" s="198">
        <v>218027</v>
      </c>
      <c r="J47" s="198">
        <v>223616</v>
      </c>
      <c r="K47" s="213">
        <v>197857</v>
      </c>
    </row>
    <row r="48" spans="1:11" ht="9.75" customHeight="1">
      <c r="A48" s="206" t="s">
        <v>131</v>
      </c>
      <c r="B48" s="207"/>
      <c r="C48" s="39"/>
      <c r="D48" s="198">
        <v>188025</v>
      </c>
      <c r="E48" s="198">
        <v>90838</v>
      </c>
      <c r="F48" s="198">
        <v>97187</v>
      </c>
      <c r="G48" s="198">
        <v>82945</v>
      </c>
      <c r="H48" s="198">
        <v>187864</v>
      </c>
      <c r="I48" s="198">
        <v>90744</v>
      </c>
      <c r="J48" s="198">
        <v>97120</v>
      </c>
      <c r="K48" s="213">
        <v>82913</v>
      </c>
    </row>
    <row r="49" spans="1:11" ht="9.75" customHeight="1">
      <c r="A49" s="206" t="s">
        <v>132</v>
      </c>
      <c r="B49" s="207"/>
      <c r="C49" s="39"/>
      <c r="D49" s="198">
        <v>243835</v>
      </c>
      <c r="E49" s="198">
        <v>118155</v>
      </c>
      <c r="F49" s="198">
        <v>125680</v>
      </c>
      <c r="G49" s="198">
        <v>104552</v>
      </c>
      <c r="H49" s="198">
        <v>243799</v>
      </c>
      <c r="I49" s="198">
        <v>118162</v>
      </c>
      <c r="J49" s="198">
        <v>125637</v>
      </c>
      <c r="K49" s="213">
        <v>104576</v>
      </c>
    </row>
    <row r="50" spans="1:11" ht="9.75" customHeight="1">
      <c r="A50" s="206" t="s">
        <v>133</v>
      </c>
      <c r="B50" s="207"/>
      <c r="C50" s="39"/>
      <c r="D50" s="198">
        <v>56869</v>
      </c>
      <c r="E50" s="198">
        <v>26654</v>
      </c>
      <c r="F50" s="198">
        <v>30215</v>
      </c>
      <c r="G50" s="198">
        <v>25094</v>
      </c>
      <c r="H50" s="198">
        <v>56853</v>
      </c>
      <c r="I50" s="198">
        <v>26639</v>
      </c>
      <c r="J50" s="198">
        <v>30214</v>
      </c>
      <c r="K50" s="213">
        <v>25098</v>
      </c>
    </row>
    <row r="51" spans="1:11" ht="9.75" customHeight="1">
      <c r="A51" s="206" t="s">
        <v>134</v>
      </c>
      <c r="B51" s="207"/>
      <c r="C51" s="39"/>
      <c r="D51" s="198">
        <v>41361</v>
      </c>
      <c r="E51" s="198">
        <v>19799</v>
      </c>
      <c r="F51" s="198">
        <v>21562</v>
      </c>
      <c r="G51" s="198">
        <v>17162</v>
      </c>
      <c r="H51" s="198">
        <v>41279</v>
      </c>
      <c r="I51" s="198">
        <v>19749</v>
      </c>
      <c r="J51" s="198">
        <v>21530</v>
      </c>
      <c r="K51" s="213">
        <v>17142</v>
      </c>
    </row>
    <row r="52" spans="1:11" ht="9.75" customHeight="1">
      <c r="A52" s="206" t="s">
        <v>135</v>
      </c>
      <c r="B52" s="207"/>
      <c r="C52" s="39"/>
      <c r="D52" s="198">
        <v>161949</v>
      </c>
      <c r="E52" s="198">
        <v>81810</v>
      </c>
      <c r="F52" s="198">
        <v>80139</v>
      </c>
      <c r="G52" s="198">
        <v>71155</v>
      </c>
      <c r="H52" s="198">
        <v>161826</v>
      </c>
      <c r="I52" s="198">
        <v>81716</v>
      </c>
      <c r="J52" s="198">
        <v>80110</v>
      </c>
      <c r="K52" s="213">
        <v>71177</v>
      </c>
    </row>
    <row r="53" spans="1:11" ht="9.75" customHeight="1">
      <c r="A53" s="206" t="s">
        <v>136</v>
      </c>
      <c r="B53" s="207"/>
      <c r="C53" s="39"/>
      <c r="D53" s="198">
        <v>223571</v>
      </c>
      <c r="E53" s="198">
        <v>115181</v>
      </c>
      <c r="F53" s="198">
        <v>108390</v>
      </c>
      <c r="G53" s="198">
        <v>101737</v>
      </c>
      <c r="H53" s="198">
        <v>223498</v>
      </c>
      <c r="I53" s="198">
        <v>115144</v>
      </c>
      <c r="J53" s="198">
        <v>108354</v>
      </c>
      <c r="K53" s="213">
        <v>101764</v>
      </c>
    </row>
    <row r="54" spans="1:11" ht="9.75" customHeight="1">
      <c r="A54" s="206" t="s">
        <v>137</v>
      </c>
      <c r="B54" s="207"/>
      <c r="C54" s="39"/>
      <c r="D54" s="198">
        <v>241583</v>
      </c>
      <c r="E54" s="198">
        <v>120406</v>
      </c>
      <c r="F54" s="198">
        <v>121177</v>
      </c>
      <c r="G54" s="198">
        <v>112879</v>
      </c>
      <c r="H54" s="198">
        <v>241492</v>
      </c>
      <c r="I54" s="198">
        <v>120353</v>
      </c>
      <c r="J54" s="198">
        <v>121139</v>
      </c>
      <c r="K54" s="213">
        <v>112853</v>
      </c>
    </row>
    <row r="55" spans="1:11" ht="9.75" customHeight="1">
      <c r="A55" s="206" t="s">
        <v>138</v>
      </c>
      <c r="B55" s="207"/>
      <c r="C55" s="39"/>
      <c r="D55" s="198">
        <v>101113</v>
      </c>
      <c r="E55" s="198">
        <v>51115</v>
      </c>
      <c r="F55" s="198">
        <v>49998</v>
      </c>
      <c r="G55" s="198">
        <v>45541</v>
      </c>
      <c r="H55" s="198">
        <v>101021</v>
      </c>
      <c r="I55" s="198">
        <v>51060</v>
      </c>
      <c r="J55" s="198">
        <v>49961</v>
      </c>
      <c r="K55" s="213">
        <v>45502</v>
      </c>
    </row>
    <row r="56" spans="1:11" ht="9.75" customHeight="1">
      <c r="A56" s="206" t="s">
        <v>139</v>
      </c>
      <c r="B56" s="207"/>
      <c r="C56" s="39"/>
      <c r="D56" s="198">
        <v>137523</v>
      </c>
      <c r="E56" s="198">
        <v>69092</v>
      </c>
      <c r="F56" s="198">
        <v>68431</v>
      </c>
      <c r="G56" s="198">
        <v>59509</v>
      </c>
      <c r="H56" s="198">
        <v>137517</v>
      </c>
      <c r="I56" s="198">
        <v>69114</v>
      </c>
      <c r="J56" s="198">
        <v>68403</v>
      </c>
      <c r="K56" s="213">
        <v>59531</v>
      </c>
    </row>
    <row r="57" spans="1:11" ht="9.75" customHeight="1">
      <c r="A57" s="206" t="s">
        <v>140</v>
      </c>
      <c r="B57" s="207"/>
      <c r="C57" s="39"/>
      <c r="D57" s="198">
        <v>132260</v>
      </c>
      <c r="E57" s="198">
        <v>65822</v>
      </c>
      <c r="F57" s="198">
        <v>66438</v>
      </c>
      <c r="G57" s="198">
        <v>60797</v>
      </c>
      <c r="H57" s="198">
        <v>132253</v>
      </c>
      <c r="I57" s="198">
        <v>65824</v>
      </c>
      <c r="J57" s="198">
        <v>66429</v>
      </c>
      <c r="K57" s="213">
        <v>60813</v>
      </c>
    </row>
    <row r="58" spans="1:11" ht="9.75" customHeight="1">
      <c r="A58" s="206" t="s">
        <v>141</v>
      </c>
      <c r="B58" s="207"/>
      <c r="C58" s="39"/>
      <c r="D58" s="198">
        <v>40332</v>
      </c>
      <c r="E58" s="198">
        <v>19732</v>
      </c>
      <c r="F58" s="198">
        <v>20600</v>
      </c>
      <c r="G58" s="198">
        <v>16339</v>
      </c>
      <c r="H58" s="198">
        <v>40267</v>
      </c>
      <c r="I58" s="198">
        <v>19703</v>
      </c>
      <c r="J58" s="198">
        <v>20564</v>
      </c>
      <c r="K58" s="213">
        <v>16330</v>
      </c>
    </row>
    <row r="59" spans="1:11" ht="9.75" customHeight="1">
      <c r="A59" s="206" t="s">
        <v>142</v>
      </c>
      <c r="B59" s="207"/>
      <c r="C59" s="39"/>
      <c r="D59" s="198">
        <v>83304</v>
      </c>
      <c r="E59" s="198">
        <v>42175</v>
      </c>
      <c r="F59" s="198">
        <v>41129</v>
      </c>
      <c r="G59" s="198">
        <v>34955</v>
      </c>
      <c r="H59" s="198">
        <v>83280</v>
      </c>
      <c r="I59" s="198">
        <v>42135</v>
      </c>
      <c r="J59" s="198">
        <v>41145</v>
      </c>
      <c r="K59" s="213">
        <v>34949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8">
        <v>31651</v>
      </c>
      <c r="E61" s="198">
        <v>14872</v>
      </c>
      <c r="F61" s="198">
        <v>16779</v>
      </c>
      <c r="G61" s="198">
        <v>13105</v>
      </c>
      <c r="H61" s="198">
        <v>31648</v>
      </c>
      <c r="I61" s="198">
        <v>14869</v>
      </c>
      <c r="J61" s="198">
        <v>16779</v>
      </c>
      <c r="K61" s="213">
        <v>13103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8">
        <v>48570</v>
      </c>
      <c r="E63" s="198">
        <v>24595</v>
      </c>
      <c r="F63" s="198">
        <v>23975</v>
      </c>
      <c r="G63" s="198">
        <v>20192</v>
      </c>
      <c r="H63" s="198">
        <v>48575</v>
      </c>
      <c r="I63" s="198">
        <v>24599</v>
      </c>
      <c r="J63" s="198">
        <v>23976</v>
      </c>
      <c r="K63" s="213">
        <v>20204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830</v>
      </c>
      <c r="E65" s="203">
        <v>28504</v>
      </c>
      <c r="F65" s="203">
        <v>30326</v>
      </c>
      <c r="G65" s="203">
        <v>24410</v>
      </c>
      <c r="H65" s="203">
        <v>58788</v>
      </c>
      <c r="I65" s="203">
        <v>28479</v>
      </c>
      <c r="J65" s="203">
        <v>30309</v>
      </c>
      <c r="K65" s="214">
        <v>24420</v>
      </c>
    </row>
    <row r="66" spans="1:11" ht="9.75" customHeight="1">
      <c r="A66" s="37"/>
      <c r="B66" s="108" t="s">
        <v>146</v>
      </c>
      <c r="C66" s="39"/>
      <c r="D66" s="198">
        <v>31461</v>
      </c>
      <c r="E66" s="198">
        <v>15342</v>
      </c>
      <c r="F66" s="198">
        <v>16119</v>
      </c>
      <c r="G66" s="198">
        <v>12794</v>
      </c>
      <c r="H66" s="198">
        <v>31462</v>
      </c>
      <c r="I66" s="198">
        <v>15340</v>
      </c>
      <c r="J66" s="198">
        <v>16122</v>
      </c>
      <c r="K66" s="213">
        <v>12808</v>
      </c>
    </row>
    <row r="67" spans="1:11" ht="9.75" customHeight="1">
      <c r="A67" s="37"/>
      <c r="B67" s="108" t="s">
        <v>147</v>
      </c>
      <c r="C67" s="39"/>
      <c r="D67" s="198">
        <v>27369</v>
      </c>
      <c r="E67" s="198">
        <v>13162</v>
      </c>
      <c r="F67" s="198">
        <v>14207</v>
      </c>
      <c r="G67" s="198">
        <v>11616</v>
      </c>
      <c r="H67" s="198">
        <v>27326</v>
      </c>
      <c r="I67" s="198">
        <v>13139</v>
      </c>
      <c r="J67" s="198">
        <v>14187</v>
      </c>
      <c r="K67" s="213">
        <v>11612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5025</v>
      </c>
      <c r="E69" s="203">
        <v>31999</v>
      </c>
      <c r="F69" s="203">
        <v>33026</v>
      </c>
      <c r="G69" s="203">
        <v>25833</v>
      </c>
      <c r="H69" s="203">
        <v>64970</v>
      </c>
      <c r="I69" s="203">
        <v>31973</v>
      </c>
      <c r="J69" s="203">
        <v>32997</v>
      </c>
      <c r="K69" s="214">
        <v>25840</v>
      </c>
    </row>
    <row r="70" spans="1:11" ht="9.75" customHeight="1">
      <c r="A70" s="37"/>
      <c r="B70" s="108" t="s">
        <v>149</v>
      </c>
      <c r="C70" s="39"/>
      <c r="D70" s="198">
        <v>9100</v>
      </c>
      <c r="E70" s="198">
        <v>4544</v>
      </c>
      <c r="F70" s="198">
        <v>4556</v>
      </c>
      <c r="G70" s="198">
        <v>3415</v>
      </c>
      <c r="H70" s="198">
        <v>9090</v>
      </c>
      <c r="I70" s="198">
        <v>4539</v>
      </c>
      <c r="J70" s="198">
        <v>4551</v>
      </c>
      <c r="K70" s="213">
        <v>3410</v>
      </c>
    </row>
    <row r="71" spans="1:11" ht="9.75" customHeight="1">
      <c r="A71" s="37"/>
      <c r="B71" s="108" t="s">
        <v>150</v>
      </c>
      <c r="C71" s="39"/>
      <c r="D71" s="198">
        <v>17195</v>
      </c>
      <c r="E71" s="198">
        <v>8431</v>
      </c>
      <c r="F71" s="198">
        <v>8764</v>
      </c>
      <c r="G71" s="198">
        <v>6847</v>
      </c>
      <c r="H71" s="198">
        <v>17176</v>
      </c>
      <c r="I71" s="198">
        <v>8416</v>
      </c>
      <c r="J71" s="198">
        <v>8760</v>
      </c>
      <c r="K71" s="213">
        <v>6853</v>
      </c>
    </row>
    <row r="72" spans="1:11" ht="9.75" customHeight="1">
      <c r="A72" s="37"/>
      <c r="B72" s="108" t="s">
        <v>151</v>
      </c>
      <c r="C72" s="39"/>
      <c r="D72" s="198">
        <v>10613</v>
      </c>
      <c r="E72" s="198">
        <v>5271</v>
      </c>
      <c r="F72" s="198">
        <v>5342</v>
      </c>
      <c r="G72" s="198">
        <v>4539</v>
      </c>
      <c r="H72" s="198">
        <v>10574</v>
      </c>
      <c r="I72" s="198">
        <v>5257</v>
      </c>
      <c r="J72" s="198">
        <v>5317</v>
      </c>
      <c r="K72" s="213">
        <v>4525</v>
      </c>
    </row>
    <row r="73" spans="1:11" ht="9.75" customHeight="1">
      <c r="A73" s="37"/>
      <c r="B73" s="108" t="s">
        <v>152</v>
      </c>
      <c r="C73" s="39"/>
      <c r="D73" s="198">
        <v>9556</v>
      </c>
      <c r="E73" s="198">
        <v>4733</v>
      </c>
      <c r="F73" s="198">
        <v>4823</v>
      </c>
      <c r="G73" s="198">
        <v>3931</v>
      </c>
      <c r="H73" s="198">
        <v>9546</v>
      </c>
      <c r="I73" s="198">
        <v>4731</v>
      </c>
      <c r="J73" s="198">
        <v>4815</v>
      </c>
      <c r="K73" s="213">
        <v>3931</v>
      </c>
    </row>
    <row r="74" spans="1:11" ht="9.75" customHeight="1">
      <c r="A74" s="37"/>
      <c r="B74" s="108" t="s">
        <v>153</v>
      </c>
      <c r="C74" s="39"/>
      <c r="D74" s="198">
        <v>18561</v>
      </c>
      <c r="E74" s="198">
        <v>9020</v>
      </c>
      <c r="F74" s="198">
        <v>9541</v>
      </c>
      <c r="G74" s="198">
        <v>7101</v>
      </c>
      <c r="H74" s="198">
        <v>18584</v>
      </c>
      <c r="I74" s="198">
        <v>9030</v>
      </c>
      <c r="J74" s="198">
        <v>9554</v>
      </c>
      <c r="K74" s="213">
        <v>7121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698</v>
      </c>
      <c r="E76" s="203">
        <v>19094</v>
      </c>
      <c r="F76" s="203">
        <v>21604</v>
      </c>
      <c r="G76" s="203">
        <v>19938</v>
      </c>
      <c r="H76" s="203">
        <v>40577</v>
      </c>
      <c r="I76" s="203">
        <v>19060</v>
      </c>
      <c r="J76" s="203">
        <v>21517</v>
      </c>
      <c r="K76" s="214">
        <v>19882</v>
      </c>
    </row>
    <row r="77" spans="1:11" ht="9.75" customHeight="1">
      <c r="A77" s="37"/>
      <c r="B77" s="108" t="s">
        <v>155</v>
      </c>
      <c r="C77" s="39"/>
      <c r="D77" s="198">
        <v>11082</v>
      </c>
      <c r="E77" s="198">
        <v>5341</v>
      </c>
      <c r="F77" s="198">
        <v>5741</v>
      </c>
      <c r="G77" s="198">
        <v>6292</v>
      </c>
      <c r="H77" s="198">
        <v>11037</v>
      </c>
      <c r="I77" s="198">
        <v>5334</v>
      </c>
      <c r="J77" s="198">
        <v>5703</v>
      </c>
      <c r="K77" s="213">
        <v>6267</v>
      </c>
    </row>
    <row r="78" spans="1:11" ht="9.75" customHeight="1">
      <c r="A78" s="37"/>
      <c r="B78" s="108" t="s">
        <v>156</v>
      </c>
      <c r="C78" s="39"/>
      <c r="D78" s="198">
        <v>6575</v>
      </c>
      <c r="E78" s="198">
        <v>3042</v>
      </c>
      <c r="F78" s="198">
        <v>3533</v>
      </c>
      <c r="G78" s="198">
        <v>2951</v>
      </c>
      <c r="H78" s="198">
        <v>6549</v>
      </c>
      <c r="I78" s="198">
        <v>3031</v>
      </c>
      <c r="J78" s="198">
        <v>3518</v>
      </c>
      <c r="K78" s="213">
        <v>2941</v>
      </c>
    </row>
    <row r="79" spans="1:11" ht="9.75" customHeight="1">
      <c r="A79" s="37"/>
      <c r="B79" s="108" t="s">
        <v>157</v>
      </c>
      <c r="C79" s="39"/>
      <c r="D79" s="198">
        <v>23041</v>
      </c>
      <c r="E79" s="198">
        <v>10711</v>
      </c>
      <c r="F79" s="198">
        <v>12330</v>
      </c>
      <c r="G79" s="198">
        <v>10695</v>
      </c>
      <c r="H79" s="198">
        <v>22991</v>
      </c>
      <c r="I79" s="198">
        <v>10695</v>
      </c>
      <c r="J79" s="198">
        <v>12296</v>
      </c>
      <c r="K79" s="213">
        <v>10674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502</v>
      </c>
      <c r="E81" s="203">
        <v>22228</v>
      </c>
      <c r="F81" s="203">
        <v>20274</v>
      </c>
      <c r="G81" s="203">
        <v>18331</v>
      </c>
      <c r="H81" s="203">
        <v>42455</v>
      </c>
      <c r="I81" s="203">
        <v>22195</v>
      </c>
      <c r="J81" s="203">
        <v>20260</v>
      </c>
      <c r="K81" s="214">
        <v>18330</v>
      </c>
    </row>
    <row r="82" spans="1:11" ht="9.75" customHeight="1">
      <c r="A82" s="37"/>
      <c r="B82" s="108" t="s">
        <v>159</v>
      </c>
      <c r="C82" s="39"/>
      <c r="D82" s="198">
        <v>39492</v>
      </c>
      <c r="E82" s="198">
        <v>20692</v>
      </c>
      <c r="F82" s="198">
        <v>18800</v>
      </c>
      <c r="G82" s="198">
        <v>17198</v>
      </c>
      <c r="H82" s="198">
        <v>39446</v>
      </c>
      <c r="I82" s="198">
        <v>20660</v>
      </c>
      <c r="J82" s="198">
        <v>18786</v>
      </c>
      <c r="K82" s="213">
        <v>17196</v>
      </c>
    </row>
    <row r="83" spans="1:11" ht="9.75" customHeight="1">
      <c r="A83" s="37"/>
      <c r="B83" s="108" t="s">
        <v>160</v>
      </c>
      <c r="C83" s="39"/>
      <c r="D83" s="198">
        <v>3010</v>
      </c>
      <c r="E83" s="198">
        <v>1536</v>
      </c>
      <c r="F83" s="198">
        <v>1474</v>
      </c>
      <c r="G83" s="198">
        <v>1133</v>
      </c>
      <c r="H83" s="198">
        <v>3009</v>
      </c>
      <c r="I83" s="198">
        <v>1535</v>
      </c>
      <c r="J83" s="198">
        <v>1474</v>
      </c>
      <c r="K83" s="213">
        <v>1134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76" t="s">
        <v>175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22" ht="15" customHeight="1" thickBot="1">
      <c r="A2" s="77" t="s">
        <v>168</v>
      </c>
      <c r="B2" s="77"/>
      <c r="C2" s="77"/>
      <c r="I2" s="151"/>
      <c r="J2" s="151"/>
      <c r="K2" s="151"/>
    </row>
    <row r="3" spans="1:22" ht="15" customHeight="1">
      <c r="A3" s="78" t="s">
        <v>91</v>
      </c>
      <c r="B3" s="79"/>
      <c r="C3" s="79"/>
      <c r="D3" s="90" t="s">
        <v>176</v>
      </c>
      <c r="E3" s="79"/>
      <c r="F3" s="79"/>
      <c r="G3" s="209"/>
      <c r="H3" s="90" t="s">
        <v>177</v>
      </c>
      <c r="I3" s="79"/>
      <c r="J3" s="79"/>
      <c r="K3" s="210"/>
    </row>
    <row r="4" spans="1:22" ht="15" customHeight="1">
      <c r="A4" s="82"/>
      <c r="B4" s="83"/>
      <c r="C4" s="83"/>
      <c r="D4" s="74" t="s">
        <v>171</v>
      </c>
      <c r="E4" s="74" t="s">
        <v>172</v>
      </c>
      <c r="F4" s="74" t="s">
        <v>173</v>
      </c>
      <c r="G4" s="74" t="s">
        <v>5</v>
      </c>
      <c r="H4" s="74" t="s">
        <v>174</v>
      </c>
      <c r="I4" s="74" t="s">
        <v>172</v>
      </c>
      <c r="J4" s="74" t="s">
        <v>173</v>
      </c>
      <c r="K4" s="121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189" t="s">
        <v>95</v>
      </c>
      <c r="B6" s="190"/>
      <c r="C6" s="16"/>
      <c r="D6" s="17">
        <v>9219037</v>
      </c>
      <c r="E6" s="17">
        <v>4573111</v>
      </c>
      <c r="F6" s="17">
        <v>4645926</v>
      </c>
      <c r="G6" s="17">
        <v>4263091</v>
      </c>
      <c r="H6" s="17">
        <v>9221129</v>
      </c>
      <c r="I6" s="17">
        <v>4572872</v>
      </c>
      <c r="J6" s="17">
        <v>4648257</v>
      </c>
      <c r="K6" s="211">
        <v>4281724</v>
      </c>
    </row>
    <row r="7" spans="1:22" s="29" customFormat="1" ht="9.75" customHeight="1">
      <c r="A7" s="193" t="s">
        <v>96</v>
      </c>
      <c r="B7" s="194"/>
      <c r="C7" s="32"/>
      <c r="D7" s="195">
        <v>8932238</v>
      </c>
      <c r="E7" s="195">
        <v>4432022</v>
      </c>
      <c r="F7" s="195">
        <v>4500216</v>
      </c>
      <c r="G7" s="195">
        <v>4141314</v>
      </c>
      <c r="H7" s="195">
        <v>8934727</v>
      </c>
      <c r="I7" s="195">
        <v>4432036</v>
      </c>
      <c r="J7" s="195">
        <v>4502691</v>
      </c>
      <c r="K7" s="212">
        <v>4159622</v>
      </c>
      <c r="S7" s="30"/>
      <c r="T7" s="30"/>
      <c r="U7" s="30"/>
      <c r="V7" s="30"/>
    </row>
    <row r="8" spans="1:22" s="29" customFormat="1" ht="9.75" customHeight="1">
      <c r="A8" s="193" t="s">
        <v>97</v>
      </c>
      <c r="B8" s="194"/>
      <c r="C8" s="32"/>
      <c r="D8" s="195">
        <v>286799</v>
      </c>
      <c r="E8" s="195">
        <v>141089</v>
      </c>
      <c r="F8" s="195">
        <v>145710</v>
      </c>
      <c r="G8" s="195">
        <v>121777</v>
      </c>
      <c r="H8" s="195">
        <v>286402</v>
      </c>
      <c r="I8" s="195">
        <v>140836</v>
      </c>
      <c r="J8" s="195">
        <v>145566</v>
      </c>
      <c r="K8" s="212">
        <v>122102</v>
      </c>
      <c r="S8" s="30"/>
      <c r="T8" s="30"/>
      <c r="U8" s="30"/>
      <c r="V8" s="30"/>
    </row>
    <row r="9" spans="1:22" ht="3.75" customHeight="1">
      <c r="A9" s="37"/>
      <c r="B9" s="108"/>
      <c r="C9" s="39"/>
      <c r="D9" s="198"/>
      <c r="E9" s="198"/>
      <c r="F9" s="198"/>
      <c r="G9" s="198"/>
      <c r="H9" s="198"/>
      <c r="I9" s="198"/>
      <c r="J9" s="198"/>
      <c r="K9" s="213"/>
    </row>
    <row r="10" spans="1:22" ht="9.75" customHeight="1">
      <c r="A10" s="201" t="s">
        <v>98</v>
      </c>
      <c r="B10" s="202"/>
      <c r="C10" s="46"/>
      <c r="D10" s="203">
        <v>3766056</v>
      </c>
      <c r="E10" s="203">
        <v>1858911</v>
      </c>
      <c r="F10" s="203">
        <v>1907145</v>
      </c>
      <c r="G10" s="203">
        <v>1764011</v>
      </c>
      <c r="H10" s="203">
        <v>3768363</v>
      </c>
      <c r="I10" s="203">
        <v>1859615</v>
      </c>
      <c r="J10" s="203">
        <v>1908748</v>
      </c>
      <c r="K10" s="214">
        <v>1772142</v>
      </c>
    </row>
    <row r="11" spans="1:22" ht="9.75" customHeight="1">
      <c r="A11" s="37"/>
      <c r="B11" s="108" t="s">
        <v>99</v>
      </c>
      <c r="C11" s="39"/>
      <c r="D11" s="198">
        <v>295140</v>
      </c>
      <c r="E11" s="198">
        <v>152082</v>
      </c>
      <c r="F11" s="198">
        <v>143058</v>
      </c>
      <c r="G11" s="198">
        <v>145285</v>
      </c>
      <c r="H11" s="198">
        <v>295712</v>
      </c>
      <c r="I11" s="198">
        <v>152444</v>
      </c>
      <c r="J11" s="198">
        <v>143268</v>
      </c>
      <c r="K11" s="213">
        <v>146300</v>
      </c>
    </row>
    <row r="12" spans="1:22" ht="9.75" customHeight="1">
      <c r="A12" s="37"/>
      <c r="B12" s="108" t="s">
        <v>100</v>
      </c>
      <c r="C12" s="39"/>
      <c r="D12" s="198">
        <v>247069</v>
      </c>
      <c r="E12" s="198">
        <v>125935</v>
      </c>
      <c r="F12" s="198">
        <v>121134</v>
      </c>
      <c r="G12" s="198">
        <v>130092</v>
      </c>
      <c r="H12" s="198">
        <v>248192</v>
      </c>
      <c r="I12" s="198">
        <v>126566</v>
      </c>
      <c r="J12" s="198">
        <v>121626</v>
      </c>
      <c r="K12" s="213">
        <v>131281</v>
      </c>
    </row>
    <row r="13" spans="1:22" ht="9.75" customHeight="1">
      <c r="A13" s="37"/>
      <c r="B13" s="108" t="s">
        <v>101</v>
      </c>
      <c r="C13" s="39"/>
      <c r="D13" s="198">
        <v>104425</v>
      </c>
      <c r="E13" s="198">
        <v>52736</v>
      </c>
      <c r="F13" s="198">
        <v>51689</v>
      </c>
      <c r="G13" s="198">
        <v>57203</v>
      </c>
      <c r="H13" s="198">
        <v>104830</v>
      </c>
      <c r="I13" s="198">
        <v>52925</v>
      </c>
      <c r="J13" s="198">
        <v>51905</v>
      </c>
      <c r="K13" s="213">
        <v>57631</v>
      </c>
    </row>
    <row r="14" spans="1:22" ht="9.75" customHeight="1">
      <c r="A14" s="37"/>
      <c r="B14" s="108" t="s">
        <v>102</v>
      </c>
      <c r="C14" s="39"/>
      <c r="D14" s="198">
        <v>149979</v>
      </c>
      <c r="E14" s="198">
        <v>76251</v>
      </c>
      <c r="F14" s="198">
        <v>73728</v>
      </c>
      <c r="G14" s="198">
        <v>84766</v>
      </c>
      <c r="H14" s="198">
        <v>150104</v>
      </c>
      <c r="I14" s="198">
        <v>76265</v>
      </c>
      <c r="J14" s="198">
        <v>73839</v>
      </c>
      <c r="K14" s="213">
        <v>85116</v>
      </c>
    </row>
    <row r="15" spans="1:22" ht="9.75" customHeight="1">
      <c r="A15" s="37"/>
      <c r="B15" s="108" t="s">
        <v>103</v>
      </c>
      <c r="C15" s="39"/>
      <c r="D15" s="198">
        <v>197076</v>
      </c>
      <c r="E15" s="198">
        <v>98261</v>
      </c>
      <c r="F15" s="198">
        <v>98815</v>
      </c>
      <c r="G15" s="198">
        <v>104375</v>
      </c>
      <c r="H15" s="198">
        <v>197528</v>
      </c>
      <c r="I15" s="198">
        <v>98459</v>
      </c>
      <c r="J15" s="198">
        <v>99069</v>
      </c>
      <c r="K15" s="213">
        <v>105144</v>
      </c>
    </row>
    <row r="16" spans="1:22" ht="9.75" customHeight="1">
      <c r="A16" s="37"/>
      <c r="B16" s="108" t="s">
        <v>104</v>
      </c>
      <c r="C16" s="39"/>
      <c r="D16" s="198">
        <v>214912</v>
      </c>
      <c r="E16" s="198">
        <v>104703</v>
      </c>
      <c r="F16" s="198">
        <v>110209</v>
      </c>
      <c r="G16" s="198">
        <v>96505</v>
      </c>
      <c r="H16" s="198">
        <v>214785</v>
      </c>
      <c r="I16" s="198">
        <v>104590</v>
      </c>
      <c r="J16" s="198">
        <v>110195</v>
      </c>
      <c r="K16" s="213">
        <v>96717</v>
      </c>
    </row>
    <row r="17" spans="1:11" ht="9.75" customHeight="1">
      <c r="A17" s="37"/>
      <c r="B17" s="108" t="s">
        <v>105</v>
      </c>
      <c r="C17" s="39"/>
      <c r="D17" s="198">
        <v>206014</v>
      </c>
      <c r="E17" s="198">
        <v>100869</v>
      </c>
      <c r="F17" s="198">
        <v>105145</v>
      </c>
      <c r="G17" s="198">
        <v>99265</v>
      </c>
      <c r="H17" s="198">
        <v>206104</v>
      </c>
      <c r="I17" s="198">
        <v>100949</v>
      </c>
      <c r="J17" s="198">
        <v>105155</v>
      </c>
      <c r="K17" s="213">
        <v>99649</v>
      </c>
    </row>
    <row r="18" spans="1:11" ht="9.75" customHeight="1">
      <c r="A18" s="37"/>
      <c r="B18" s="108" t="s">
        <v>106</v>
      </c>
      <c r="C18" s="39"/>
      <c r="D18" s="198">
        <v>243022</v>
      </c>
      <c r="E18" s="198">
        <v>117184</v>
      </c>
      <c r="F18" s="198">
        <v>125838</v>
      </c>
      <c r="G18" s="198">
        <v>107173</v>
      </c>
      <c r="H18" s="198">
        <v>242999</v>
      </c>
      <c r="I18" s="198">
        <v>117126</v>
      </c>
      <c r="J18" s="198">
        <v>125873</v>
      </c>
      <c r="K18" s="213">
        <v>107484</v>
      </c>
    </row>
    <row r="19" spans="1:11" ht="9.75" customHeight="1">
      <c r="A19" s="37"/>
      <c r="B19" s="108" t="s">
        <v>107</v>
      </c>
      <c r="C19" s="39"/>
      <c r="D19" s="198">
        <v>166118</v>
      </c>
      <c r="E19" s="198">
        <v>81703</v>
      </c>
      <c r="F19" s="198">
        <v>84415</v>
      </c>
      <c r="G19" s="198">
        <v>79079</v>
      </c>
      <c r="H19" s="198">
        <v>165982</v>
      </c>
      <c r="I19" s="198">
        <v>81612</v>
      </c>
      <c r="J19" s="198">
        <v>84370</v>
      </c>
      <c r="K19" s="213">
        <v>79250</v>
      </c>
    </row>
    <row r="20" spans="1:11" ht="9.75" customHeight="1">
      <c r="A20" s="37"/>
      <c r="B20" s="108" t="s">
        <v>108</v>
      </c>
      <c r="C20" s="39"/>
      <c r="D20" s="198">
        <v>196934</v>
      </c>
      <c r="E20" s="198">
        <v>95776</v>
      </c>
      <c r="F20" s="198">
        <v>101158</v>
      </c>
      <c r="G20" s="198">
        <v>89924</v>
      </c>
      <c r="H20" s="198">
        <v>196748</v>
      </c>
      <c r="I20" s="198">
        <v>95602</v>
      </c>
      <c r="J20" s="198">
        <v>101146</v>
      </c>
      <c r="K20" s="213">
        <v>90201</v>
      </c>
    </row>
    <row r="21" spans="1:11" ht="9.75" customHeight="1">
      <c r="A21" s="37"/>
      <c r="B21" s="108" t="s">
        <v>109</v>
      </c>
      <c r="C21" s="39"/>
      <c r="D21" s="198">
        <v>359042</v>
      </c>
      <c r="E21" s="198">
        <v>179064</v>
      </c>
      <c r="F21" s="198">
        <v>179978</v>
      </c>
      <c r="G21" s="198">
        <v>176627</v>
      </c>
      <c r="H21" s="198">
        <v>359752</v>
      </c>
      <c r="I21" s="198">
        <v>179410</v>
      </c>
      <c r="J21" s="198">
        <v>180342</v>
      </c>
      <c r="K21" s="213">
        <v>177746</v>
      </c>
    </row>
    <row r="22" spans="1:11" ht="9.75" customHeight="1">
      <c r="A22" s="37"/>
      <c r="B22" s="108" t="s">
        <v>110</v>
      </c>
      <c r="C22" s="39"/>
      <c r="D22" s="198">
        <v>182941</v>
      </c>
      <c r="E22" s="198">
        <v>89892</v>
      </c>
      <c r="F22" s="198">
        <v>93049</v>
      </c>
      <c r="G22" s="198">
        <v>80174</v>
      </c>
      <c r="H22" s="198">
        <v>182890</v>
      </c>
      <c r="I22" s="198">
        <v>89826</v>
      </c>
      <c r="J22" s="198">
        <v>93064</v>
      </c>
      <c r="K22" s="213">
        <v>80507</v>
      </c>
    </row>
    <row r="23" spans="1:11" ht="9.75" customHeight="1">
      <c r="A23" s="37"/>
      <c r="B23" s="108" t="s">
        <v>111</v>
      </c>
      <c r="C23" s="39"/>
      <c r="D23" s="198">
        <v>310782</v>
      </c>
      <c r="E23" s="198">
        <v>149927</v>
      </c>
      <c r="F23" s="198">
        <v>160855</v>
      </c>
      <c r="G23" s="198">
        <v>134161</v>
      </c>
      <c r="H23" s="198">
        <v>310676</v>
      </c>
      <c r="I23" s="198">
        <v>149835</v>
      </c>
      <c r="J23" s="198">
        <v>160841</v>
      </c>
      <c r="K23" s="213">
        <v>134562</v>
      </c>
    </row>
    <row r="24" spans="1:11" ht="9.75" customHeight="1">
      <c r="A24" s="37"/>
      <c r="B24" s="108" t="s">
        <v>112</v>
      </c>
      <c r="C24" s="39"/>
      <c r="D24" s="198">
        <v>214791</v>
      </c>
      <c r="E24" s="198">
        <v>105219</v>
      </c>
      <c r="F24" s="198">
        <v>109572</v>
      </c>
      <c r="G24" s="198">
        <v>86351</v>
      </c>
      <c r="H24" s="198">
        <v>214436</v>
      </c>
      <c r="I24" s="198">
        <v>104972</v>
      </c>
      <c r="J24" s="198">
        <v>109464</v>
      </c>
      <c r="K24" s="213">
        <v>86589</v>
      </c>
    </row>
    <row r="25" spans="1:11" ht="9.75" customHeight="1">
      <c r="A25" s="37"/>
      <c r="B25" s="108" t="s">
        <v>113</v>
      </c>
      <c r="C25" s="39"/>
      <c r="D25" s="198">
        <v>283597</v>
      </c>
      <c r="E25" s="198">
        <v>138171</v>
      </c>
      <c r="F25" s="198">
        <v>145426</v>
      </c>
      <c r="G25" s="198">
        <v>123234</v>
      </c>
      <c r="H25" s="198">
        <v>283621</v>
      </c>
      <c r="I25" s="198">
        <v>138128</v>
      </c>
      <c r="J25" s="198">
        <v>145493</v>
      </c>
      <c r="K25" s="213">
        <v>123729</v>
      </c>
    </row>
    <row r="26" spans="1:11" ht="9.75" customHeight="1">
      <c r="A26" s="37"/>
      <c r="B26" s="108" t="s">
        <v>114</v>
      </c>
      <c r="C26" s="39"/>
      <c r="D26" s="198">
        <v>120425</v>
      </c>
      <c r="E26" s="198">
        <v>58644</v>
      </c>
      <c r="F26" s="198">
        <v>61781</v>
      </c>
      <c r="G26" s="198">
        <v>53285</v>
      </c>
      <c r="H26" s="198">
        <v>120451</v>
      </c>
      <c r="I26" s="198">
        <v>58584</v>
      </c>
      <c r="J26" s="198">
        <v>61867</v>
      </c>
      <c r="K26" s="213">
        <v>53450</v>
      </c>
    </row>
    <row r="27" spans="1:11" ht="9.75" customHeight="1">
      <c r="A27" s="37"/>
      <c r="B27" s="108" t="s">
        <v>115</v>
      </c>
      <c r="C27" s="39"/>
      <c r="D27" s="198">
        <v>151888</v>
      </c>
      <c r="E27" s="198">
        <v>73588</v>
      </c>
      <c r="F27" s="198">
        <v>78300</v>
      </c>
      <c r="G27" s="198">
        <v>63504</v>
      </c>
      <c r="H27" s="198">
        <v>151862</v>
      </c>
      <c r="I27" s="198">
        <v>73545</v>
      </c>
      <c r="J27" s="198">
        <v>78317</v>
      </c>
      <c r="K27" s="213">
        <v>63704</v>
      </c>
    </row>
    <row r="28" spans="1:11" ht="9.75" customHeight="1">
      <c r="A28" s="37"/>
      <c r="B28" s="108" t="s">
        <v>116</v>
      </c>
      <c r="C28" s="39"/>
      <c r="D28" s="198">
        <v>121901</v>
      </c>
      <c r="E28" s="198">
        <v>58906</v>
      </c>
      <c r="F28" s="198">
        <v>62995</v>
      </c>
      <c r="G28" s="198">
        <v>53008</v>
      </c>
      <c r="H28" s="198">
        <v>121691</v>
      </c>
      <c r="I28" s="198">
        <v>58777</v>
      </c>
      <c r="J28" s="198">
        <v>62914</v>
      </c>
      <c r="K28" s="213">
        <v>53082</v>
      </c>
    </row>
    <row r="29" spans="1:11" ht="3.75" customHeight="1">
      <c r="A29" s="37"/>
      <c r="B29" s="108"/>
      <c r="C29" s="39"/>
      <c r="D29" s="198"/>
      <c r="E29" s="198"/>
      <c r="F29" s="198"/>
      <c r="G29" s="198"/>
      <c r="H29" s="198"/>
      <c r="I29" s="198"/>
      <c r="J29" s="198"/>
      <c r="K29" s="213"/>
    </row>
    <row r="30" spans="1:11" ht="9.75" customHeight="1">
      <c r="A30" s="201" t="s">
        <v>117</v>
      </c>
      <c r="B30" s="202"/>
      <c r="C30" s="46"/>
      <c r="D30" s="203">
        <v>1536813</v>
      </c>
      <c r="E30" s="203">
        <v>773709</v>
      </c>
      <c r="F30" s="203">
        <v>763104</v>
      </c>
      <c r="G30" s="203">
        <v>753656</v>
      </c>
      <c r="H30" s="203">
        <v>1538721</v>
      </c>
      <c r="I30" s="203">
        <v>774581</v>
      </c>
      <c r="J30" s="203">
        <v>764140</v>
      </c>
      <c r="K30" s="214">
        <v>758750</v>
      </c>
    </row>
    <row r="31" spans="1:11" ht="9.75" customHeight="1">
      <c r="A31" s="37"/>
      <c r="B31" s="108" t="s">
        <v>118</v>
      </c>
      <c r="C31" s="39"/>
      <c r="D31" s="198">
        <v>229992</v>
      </c>
      <c r="E31" s="198">
        <v>123496</v>
      </c>
      <c r="F31" s="198">
        <v>106496</v>
      </c>
      <c r="G31" s="198">
        <v>122989</v>
      </c>
      <c r="H31" s="198">
        <v>230180</v>
      </c>
      <c r="I31" s="198">
        <v>123644</v>
      </c>
      <c r="J31" s="198">
        <v>106536</v>
      </c>
      <c r="K31" s="213">
        <v>123706</v>
      </c>
    </row>
    <row r="32" spans="1:11" ht="9.75" customHeight="1">
      <c r="A32" s="37"/>
      <c r="B32" s="108" t="s">
        <v>119</v>
      </c>
      <c r="C32" s="39"/>
      <c r="D32" s="198">
        <v>171032</v>
      </c>
      <c r="E32" s="198">
        <v>86412</v>
      </c>
      <c r="F32" s="198">
        <v>84620</v>
      </c>
      <c r="G32" s="198">
        <v>80446</v>
      </c>
      <c r="H32" s="198">
        <v>171200</v>
      </c>
      <c r="I32" s="198">
        <v>86517</v>
      </c>
      <c r="J32" s="198">
        <v>84683</v>
      </c>
      <c r="K32" s="213">
        <v>81022</v>
      </c>
    </row>
    <row r="33" spans="1:11" ht="9.75" customHeight="1">
      <c r="A33" s="37"/>
      <c r="B33" s="108" t="s">
        <v>120</v>
      </c>
      <c r="C33" s="39"/>
      <c r="D33" s="198">
        <v>263922</v>
      </c>
      <c r="E33" s="198">
        <v>133566</v>
      </c>
      <c r="F33" s="198">
        <v>130356</v>
      </c>
      <c r="G33" s="198">
        <v>135782</v>
      </c>
      <c r="H33" s="198">
        <v>264399</v>
      </c>
      <c r="I33" s="198">
        <v>133789</v>
      </c>
      <c r="J33" s="198">
        <v>130610</v>
      </c>
      <c r="K33" s="213">
        <v>136931</v>
      </c>
    </row>
    <row r="34" spans="1:11" ht="9.75" customHeight="1">
      <c r="A34" s="37"/>
      <c r="B34" s="108" t="s">
        <v>121</v>
      </c>
      <c r="C34" s="39"/>
      <c r="D34" s="198">
        <v>234123</v>
      </c>
      <c r="E34" s="198">
        <v>116031</v>
      </c>
      <c r="F34" s="198">
        <v>118092</v>
      </c>
      <c r="G34" s="198">
        <v>114773</v>
      </c>
      <c r="H34" s="198">
        <v>234218</v>
      </c>
      <c r="I34" s="198">
        <v>116076</v>
      </c>
      <c r="J34" s="198">
        <v>118142</v>
      </c>
      <c r="K34" s="213">
        <v>115442</v>
      </c>
    </row>
    <row r="35" spans="1:11" ht="9.75" customHeight="1">
      <c r="A35" s="37"/>
      <c r="B35" s="108" t="s">
        <v>122</v>
      </c>
      <c r="C35" s="39"/>
      <c r="D35" s="198">
        <v>234305</v>
      </c>
      <c r="E35" s="198">
        <v>113599</v>
      </c>
      <c r="F35" s="198">
        <v>120706</v>
      </c>
      <c r="G35" s="198">
        <v>103737</v>
      </c>
      <c r="H35" s="198">
        <v>234374</v>
      </c>
      <c r="I35" s="198">
        <v>113564</v>
      </c>
      <c r="J35" s="198">
        <v>120810</v>
      </c>
      <c r="K35" s="213">
        <v>104246</v>
      </c>
    </row>
    <row r="36" spans="1:11" ht="9.75" customHeight="1">
      <c r="A36" s="37"/>
      <c r="B36" s="108" t="s">
        <v>123</v>
      </c>
      <c r="C36" s="39"/>
      <c r="D36" s="198">
        <v>222794</v>
      </c>
      <c r="E36" s="198">
        <v>113433</v>
      </c>
      <c r="F36" s="198">
        <v>109361</v>
      </c>
      <c r="G36" s="198">
        <v>115626</v>
      </c>
      <c r="H36" s="198">
        <v>223464</v>
      </c>
      <c r="I36" s="198">
        <v>113786</v>
      </c>
      <c r="J36" s="198">
        <v>109678</v>
      </c>
      <c r="K36" s="213">
        <v>116678</v>
      </c>
    </row>
    <row r="37" spans="1:11" ht="9.75" customHeight="1">
      <c r="A37" s="37"/>
      <c r="B37" s="108" t="s">
        <v>124</v>
      </c>
      <c r="C37" s="39"/>
      <c r="D37" s="198">
        <v>180645</v>
      </c>
      <c r="E37" s="198">
        <v>87172</v>
      </c>
      <c r="F37" s="198">
        <v>93473</v>
      </c>
      <c r="G37" s="198">
        <v>80303</v>
      </c>
      <c r="H37" s="198">
        <v>180886</v>
      </c>
      <c r="I37" s="198">
        <v>87205</v>
      </c>
      <c r="J37" s="198">
        <v>93681</v>
      </c>
      <c r="K37" s="213">
        <v>80725</v>
      </c>
    </row>
    <row r="38" spans="1:11" ht="3.75" customHeight="1">
      <c r="A38" s="37"/>
      <c r="B38" s="108"/>
      <c r="C38" s="39"/>
      <c r="D38" s="198"/>
      <c r="E38" s="198"/>
      <c r="F38" s="198"/>
      <c r="G38" s="198"/>
      <c r="H38" s="198"/>
      <c r="I38" s="198"/>
      <c r="J38" s="198"/>
      <c r="K38" s="213"/>
    </row>
    <row r="39" spans="1:11" ht="9.75" customHeight="1">
      <c r="A39" s="201" t="s">
        <v>125</v>
      </c>
      <c r="B39" s="202"/>
      <c r="C39" s="46"/>
      <c r="D39" s="203">
        <v>725463</v>
      </c>
      <c r="E39" s="203">
        <v>361606</v>
      </c>
      <c r="F39" s="203">
        <v>363857</v>
      </c>
      <c r="G39" s="203">
        <v>337765</v>
      </c>
      <c r="H39" s="203">
        <v>725369</v>
      </c>
      <c r="I39" s="203">
        <v>361438</v>
      </c>
      <c r="J39" s="203">
        <v>363931</v>
      </c>
      <c r="K39" s="214">
        <v>339028</v>
      </c>
    </row>
    <row r="40" spans="1:11" ht="9.75" customHeight="1">
      <c r="A40" s="37"/>
      <c r="B40" s="108" t="s">
        <v>110</v>
      </c>
      <c r="C40" s="39"/>
      <c r="D40" s="198">
        <v>169224</v>
      </c>
      <c r="E40" s="198">
        <v>85022</v>
      </c>
      <c r="F40" s="198">
        <v>84202</v>
      </c>
      <c r="G40" s="198">
        <v>75760</v>
      </c>
      <c r="H40" s="198">
        <v>169017</v>
      </c>
      <c r="I40" s="198">
        <v>84917</v>
      </c>
      <c r="J40" s="198">
        <v>84100</v>
      </c>
      <c r="K40" s="213">
        <v>75972</v>
      </c>
    </row>
    <row r="41" spans="1:11" ht="9.75" customHeight="1">
      <c r="A41" s="37"/>
      <c r="B41" s="108" t="s">
        <v>126</v>
      </c>
      <c r="C41" s="39"/>
      <c r="D41" s="198">
        <v>273871</v>
      </c>
      <c r="E41" s="198">
        <v>136877</v>
      </c>
      <c r="F41" s="198">
        <v>136994</v>
      </c>
      <c r="G41" s="198">
        <v>126834</v>
      </c>
      <c r="H41" s="198">
        <v>273769</v>
      </c>
      <c r="I41" s="198">
        <v>136797</v>
      </c>
      <c r="J41" s="198">
        <v>136972</v>
      </c>
      <c r="K41" s="213">
        <v>127260</v>
      </c>
    </row>
    <row r="42" spans="1:11" ht="9.75" customHeight="1">
      <c r="A42" s="37"/>
      <c r="B42" s="108" t="s">
        <v>103</v>
      </c>
      <c r="C42" s="39"/>
      <c r="D42" s="198">
        <v>282368</v>
      </c>
      <c r="E42" s="198">
        <v>139707</v>
      </c>
      <c r="F42" s="198">
        <v>142661</v>
      </c>
      <c r="G42" s="198">
        <v>135171</v>
      </c>
      <c r="H42" s="198">
        <v>282583</v>
      </c>
      <c r="I42" s="198">
        <v>139724</v>
      </c>
      <c r="J42" s="198">
        <v>142859</v>
      </c>
      <c r="K42" s="213">
        <v>135796</v>
      </c>
    </row>
    <row r="43" spans="1:11" ht="3.75" customHeight="1">
      <c r="A43" s="37"/>
      <c r="B43" s="108"/>
      <c r="C43" s="39"/>
      <c r="D43" s="198"/>
      <c r="E43" s="198"/>
      <c r="F43" s="198"/>
      <c r="G43" s="198"/>
      <c r="H43" s="198"/>
      <c r="I43" s="198"/>
      <c r="J43" s="198"/>
      <c r="K43" s="213"/>
    </row>
    <row r="44" spans="1:11" ht="9.75" customHeight="1">
      <c r="A44" s="206" t="s">
        <v>127</v>
      </c>
      <c r="B44" s="207"/>
      <c r="C44" s="39"/>
      <c r="D44" s="198">
        <v>382187</v>
      </c>
      <c r="E44" s="198">
        <v>190415</v>
      </c>
      <c r="F44" s="198">
        <v>191772</v>
      </c>
      <c r="G44" s="198">
        <v>165436</v>
      </c>
      <c r="H44" s="198">
        <v>380492</v>
      </c>
      <c r="I44" s="198">
        <v>189183</v>
      </c>
      <c r="J44" s="198">
        <v>191309</v>
      </c>
      <c r="K44" s="213">
        <v>165629</v>
      </c>
    </row>
    <row r="45" spans="1:11" ht="9.75" customHeight="1">
      <c r="A45" s="206" t="s">
        <v>128</v>
      </c>
      <c r="B45" s="207"/>
      <c r="C45" s="39"/>
      <c r="D45" s="198">
        <v>257382</v>
      </c>
      <c r="E45" s="198">
        <v>128452</v>
      </c>
      <c r="F45" s="198">
        <v>128930</v>
      </c>
      <c r="G45" s="198">
        <v>113408</v>
      </c>
      <c r="H45" s="198">
        <v>257274</v>
      </c>
      <c r="I45" s="198">
        <v>128399</v>
      </c>
      <c r="J45" s="198">
        <v>128875</v>
      </c>
      <c r="K45" s="213">
        <v>113763</v>
      </c>
    </row>
    <row r="46" spans="1:11" ht="9.75" customHeight="1">
      <c r="A46" s="206" t="s">
        <v>129</v>
      </c>
      <c r="B46" s="207"/>
      <c r="C46" s="39"/>
      <c r="D46" s="198">
        <v>172566</v>
      </c>
      <c r="E46" s="198">
        <v>81038</v>
      </c>
      <c r="F46" s="198">
        <v>91528</v>
      </c>
      <c r="G46" s="198">
        <v>76457</v>
      </c>
      <c r="H46" s="198">
        <v>172669</v>
      </c>
      <c r="I46" s="198">
        <v>81064</v>
      </c>
      <c r="J46" s="198">
        <v>91605</v>
      </c>
      <c r="K46" s="213">
        <v>76673</v>
      </c>
    </row>
    <row r="47" spans="1:11" ht="9.75" customHeight="1">
      <c r="A47" s="206" t="s">
        <v>130</v>
      </c>
      <c r="B47" s="207"/>
      <c r="C47" s="39"/>
      <c r="D47" s="198">
        <v>441500</v>
      </c>
      <c r="E47" s="198">
        <v>217923</v>
      </c>
      <c r="F47" s="198">
        <v>223577</v>
      </c>
      <c r="G47" s="198">
        <v>197795</v>
      </c>
      <c r="H47" s="198">
        <v>441547</v>
      </c>
      <c r="I47" s="198">
        <v>217872</v>
      </c>
      <c r="J47" s="198">
        <v>223675</v>
      </c>
      <c r="K47" s="213">
        <v>198213</v>
      </c>
    </row>
    <row r="48" spans="1:11" ht="9.75" customHeight="1">
      <c r="A48" s="206" t="s">
        <v>131</v>
      </c>
      <c r="B48" s="207"/>
      <c r="C48" s="39"/>
      <c r="D48" s="198">
        <v>187739</v>
      </c>
      <c r="E48" s="198">
        <v>90710</v>
      </c>
      <c r="F48" s="198">
        <v>97029</v>
      </c>
      <c r="G48" s="198">
        <v>82944</v>
      </c>
      <c r="H48" s="198">
        <v>187510</v>
      </c>
      <c r="I48" s="198">
        <v>90547</v>
      </c>
      <c r="J48" s="198">
        <v>96963</v>
      </c>
      <c r="K48" s="213">
        <v>83180</v>
      </c>
    </row>
    <row r="49" spans="1:11" ht="9.75" customHeight="1">
      <c r="A49" s="206" t="s">
        <v>132</v>
      </c>
      <c r="B49" s="207"/>
      <c r="C49" s="39"/>
      <c r="D49" s="198">
        <v>243714</v>
      </c>
      <c r="E49" s="198">
        <v>118128</v>
      </c>
      <c r="F49" s="198">
        <v>125586</v>
      </c>
      <c r="G49" s="198">
        <v>104611</v>
      </c>
      <c r="H49" s="198">
        <v>243670</v>
      </c>
      <c r="I49" s="198">
        <v>118073</v>
      </c>
      <c r="J49" s="198">
        <v>125597</v>
      </c>
      <c r="K49" s="213">
        <v>104898</v>
      </c>
    </row>
    <row r="50" spans="1:11" ht="9.75" customHeight="1">
      <c r="A50" s="206" t="s">
        <v>133</v>
      </c>
      <c r="B50" s="207"/>
      <c r="C50" s="39"/>
      <c r="D50" s="198">
        <v>56826</v>
      </c>
      <c r="E50" s="198">
        <v>26645</v>
      </c>
      <c r="F50" s="198">
        <v>30181</v>
      </c>
      <c r="G50" s="198">
        <v>25097</v>
      </c>
      <c r="H50" s="198">
        <v>56823</v>
      </c>
      <c r="I50" s="198">
        <v>26629</v>
      </c>
      <c r="J50" s="198">
        <v>30194</v>
      </c>
      <c r="K50" s="213">
        <v>25159</v>
      </c>
    </row>
    <row r="51" spans="1:11" ht="9.75" customHeight="1">
      <c r="A51" s="206" t="s">
        <v>134</v>
      </c>
      <c r="B51" s="207"/>
      <c r="C51" s="39"/>
      <c r="D51" s="198">
        <v>41214</v>
      </c>
      <c r="E51" s="198">
        <v>19713</v>
      </c>
      <c r="F51" s="198">
        <v>21501</v>
      </c>
      <c r="G51" s="198">
        <v>17136</v>
      </c>
      <c r="H51" s="198">
        <v>41115</v>
      </c>
      <c r="I51" s="198">
        <v>19653</v>
      </c>
      <c r="J51" s="198">
        <v>21462</v>
      </c>
      <c r="K51" s="213">
        <v>17153</v>
      </c>
    </row>
    <row r="52" spans="1:11" ht="9.75" customHeight="1">
      <c r="A52" s="206" t="s">
        <v>135</v>
      </c>
      <c r="B52" s="207"/>
      <c r="C52" s="39"/>
      <c r="D52" s="198">
        <v>161661</v>
      </c>
      <c r="E52" s="198">
        <v>81630</v>
      </c>
      <c r="F52" s="198">
        <v>80031</v>
      </c>
      <c r="G52" s="198">
        <v>71149</v>
      </c>
      <c r="H52" s="198">
        <v>161639</v>
      </c>
      <c r="I52" s="198">
        <v>81648</v>
      </c>
      <c r="J52" s="198">
        <v>79991</v>
      </c>
      <c r="K52" s="213">
        <v>71431</v>
      </c>
    </row>
    <row r="53" spans="1:11" ht="9.75" customHeight="1">
      <c r="A53" s="206" t="s">
        <v>136</v>
      </c>
      <c r="B53" s="207"/>
      <c r="C53" s="39"/>
      <c r="D53" s="198">
        <v>223402</v>
      </c>
      <c r="E53" s="198">
        <v>115067</v>
      </c>
      <c r="F53" s="198">
        <v>108335</v>
      </c>
      <c r="G53" s="198">
        <v>101813</v>
      </c>
      <c r="H53" s="198">
        <v>223506</v>
      </c>
      <c r="I53" s="198">
        <v>115053</v>
      </c>
      <c r="J53" s="198">
        <v>108453</v>
      </c>
      <c r="K53" s="213">
        <v>102284</v>
      </c>
    </row>
    <row r="54" spans="1:11" ht="9.75" customHeight="1">
      <c r="A54" s="206" t="s">
        <v>137</v>
      </c>
      <c r="B54" s="207"/>
      <c r="C54" s="39"/>
      <c r="D54" s="198">
        <v>241558</v>
      </c>
      <c r="E54" s="198">
        <v>120412</v>
      </c>
      <c r="F54" s="198">
        <v>121146</v>
      </c>
      <c r="G54" s="198">
        <v>112884</v>
      </c>
      <c r="H54" s="198">
        <v>241565</v>
      </c>
      <c r="I54" s="198">
        <v>120421</v>
      </c>
      <c r="J54" s="198">
        <v>121144</v>
      </c>
      <c r="K54" s="213">
        <v>113254</v>
      </c>
    </row>
    <row r="55" spans="1:11" ht="9.75" customHeight="1">
      <c r="A55" s="206" t="s">
        <v>138</v>
      </c>
      <c r="B55" s="207"/>
      <c r="C55" s="39"/>
      <c r="D55" s="198">
        <v>100900</v>
      </c>
      <c r="E55" s="198">
        <v>50978</v>
      </c>
      <c r="F55" s="198">
        <v>49922</v>
      </c>
      <c r="G55" s="198">
        <v>45490</v>
      </c>
      <c r="H55" s="198">
        <v>101119</v>
      </c>
      <c r="I55" s="198">
        <v>51188</v>
      </c>
      <c r="J55" s="198">
        <v>49931</v>
      </c>
      <c r="K55" s="213">
        <v>45881</v>
      </c>
    </row>
    <row r="56" spans="1:11" ht="9.75" customHeight="1">
      <c r="A56" s="206" t="s">
        <v>139</v>
      </c>
      <c r="B56" s="207"/>
      <c r="C56" s="39"/>
      <c r="D56" s="198">
        <v>137575</v>
      </c>
      <c r="E56" s="198">
        <v>69104</v>
      </c>
      <c r="F56" s="198">
        <v>68471</v>
      </c>
      <c r="G56" s="198">
        <v>59571</v>
      </c>
      <c r="H56" s="198">
        <v>137987</v>
      </c>
      <c r="I56" s="198">
        <v>69312</v>
      </c>
      <c r="J56" s="198">
        <v>68675</v>
      </c>
      <c r="K56" s="213">
        <v>59899</v>
      </c>
    </row>
    <row r="57" spans="1:11" ht="9.75" customHeight="1">
      <c r="A57" s="206" t="s">
        <v>140</v>
      </c>
      <c r="B57" s="207"/>
      <c r="C57" s="39"/>
      <c r="D57" s="198">
        <v>132151</v>
      </c>
      <c r="E57" s="198">
        <v>65771</v>
      </c>
      <c r="F57" s="198">
        <v>66380</v>
      </c>
      <c r="G57" s="198">
        <v>60789</v>
      </c>
      <c r="H57" s="198">
        <v>131976</v>
      </c>
      <c r="I57" s="198">
        <v>65671</v>
      </c>
      <c r="J57" s="198">
        <v>66305</v>
      </c>
      <c r="K57" s="213">
        <v>60893</v>
      </c>
    </row>
    <row r="58" spans="1:11" ht="9.75" customHeight="1">
      <c r="A58" s="206" t="s">
        <v>141</v>
      </c>
      <c r="B58" s="207"/>
      <c r="C58" s="39"/>
      <c r="D58" s="198">
        <v>40247</v>
      </c>
      <c r="E58" s="198">
        <v>19693</v>
      </c>
      <c r="F58" s="198">
        <v>20554</v>
      </c>
      <c r="G58" s="198">
        <v>16344</v>
      </c>
      <c r="H58" s="198">
        <v>40172</v>
      </c>
      <c r="I58" s="198">
        <v>19646</v>
      </c>
      <c r="J58" s="198">
        <v>20526</v>
      </c>
      <c r="K58" s="213">
        <v>16382</v>
      </c>
    </row>
    <row r="59" spans="1:11" ht="9.75" customHeight="1">
      <c r="A59" s="206" t="s">
        <v>142</v>
      </c>
      <c r="B59" s="207"/>
      <c r="C59" s="39"/>
      <c r="D59" s="198">
        <v>83284</v>
      </c>
      <c r="E59" s="198">
        <v>42117</v>
      </c>
      <c r="F59" s="198">
        <v>41167</v>
      </c>
      <c r="G59" s="198">
        <v>34958</v>
      </c>
      <c r="H59" s="198">
        <v>83210</v>
      </c>
      <c r="I59" s="198">
        <v>42043</v>
      </c>
      <c r="J59" s="198">
        <v>41167</v>
      </c>
      <c r="K59" s="213">
        <v>35010</v>
      </c>
    </row>
    <row r="60" spans="1:11" ht="3.75" customHeight="1">
      <c r="A60" s="37"/>
      <c r="B60" s="108"/>
      <c r="C60" s="39"/>
      <c r="D60" s="198"/>
      <c r="E60" s="198"/>
      <c r="F60" s="198"/>
      <c r="G60" s="198"/>
      <c r="H60" s="198"/>
      <c r="I60" s="198"/>
      <c r="J60" s="198"/>
      <c r="K60" s="213"/>
    </row>
    <row r="61" spans="1:11" ht="9.75" customHeight="1">
      <c r="A61" s="206" t="s">
        <v>143</v>
      </c>
      <c r="B61" s="207"/>
      <c r="C61" s="39"/>
      <c r="D61" s="195">
        <v>31622</v>
      </c>
      <c r="E61" s="198">
        <v>14854</v>
      </c>
      <c r="F61" s="198">
        <v>16768</v>
      </c>
      <c r="G61" s="198">
        <v>13094</v>
      </c>
      <c r="H61" s="198">
        <v>31572</v>
      </c>
      <c r="I61" s="198">
        <v>14832</v>
      </c>
      <c r="J61" s="198">
        <v>16740</v>
      </c>
      <c r="K61" s="213">
        <v>13097</v>
      </c>
    </row>
    <row r="62" spans="1:11" ht="3.75" customHeight="1">
      <c r="A62" s="37"/>
      <c r="B62" s="108"/>
      <c r="C62" s="39"/>
      <c r="D62" s="198"/>
      <c r="E62" s="198"/>
      <c r="F62" s="198"/>
      <c r="G62" s="198"/>
      <c r="H62" s="198"/>
      <c r="I62" s="198"/>
      <c r="J62" s="198"/>
      <c r="K62" s="213"/>
    </row>
    <row r="63" spans="1:11" ht="9.75" customHeight="1">
      <c r="A63" s="206" t="s">
        <v>144</v>
      </c>
      <c r="B63" s="207"/>
      <c r="C63" s="39"/>
      <c r="D63" s="195">
        <v>48584</v>
      </c>
      <c r="E63" s="198">
        <v>24614</v>
      </c>
      <c r="F63" s="198">
        <v>23970</v>
      </c>
      <c r="G63" s="198">
        <v>20237</v>
      </c>
      <c r="H63" s="198">
        <v>48528</v>
      </c>
      <c r="I63" s="198">
        <v>24570</v>
      </c>
      <c r="J63" s="198">
        <v>23958</v>
      </c>
      <c r="K63" s="213">
        <v>20272</v>
      </c>
    </row>
    <row r="64" spans="1:11" ht="3.75" customHeight="1">
      <c r="A64" s="37"/>
      <c r="B64" s="108"/>
      <c r="C64" s="39"/>
      <c r="D64" s="198"/>
      <c r="E64" s="198"/>
      <c r="F64" s="198"/>
      <c r="G64" s="198"/>
      <c r="H64" s="198"/>
      <c r="I64" s="198"/>
      <c r="J64" s="198"/>
      <c r="K64" s="213"/>
    </row>
    <row r="65" spans="1:11" ht="9.75" customHeight="1">
      <c r="A65" s="201" t="s">
        <v>145</v>
      </c>
      <c r="B65" s="202"/>
      <c r="C65" s="46"/>
      <c r="D65" s="203">
        <v>58733</v>
      </c>
      <c r="E65" s="203">
        <v>28454</v>
      </c>
      <c r="F65" s="203">
        <v>30279</v>
      </c>
      <c r="G65" s="203">
        <v>24420</v>
      </c>
      <c r="H65" s="203">
        <v>58620</v>
      </c>
      <c r="I65" s="203">
        <v>28378</v>
      </c>
      <c r="J65" s="203">
        <v>30242</v>
      </c>
      <c r="K65" s="214">
        <v>24461</v>
      </c>
    </row>
    <row r="66" spans="1:11" ht="9.75" customHeight="1">
      <c r="A66" s="37"/>
      <c r="B66" s="108" t="s">
        <v>146</v>
      </c>
      <c r="C66" s="39"/>
      <c r="D66" s="198">
        <v>31428</v>
      </c>
      <c r="E66" s="198">
        <v>15327</v>
      </c>
      <c r="F66" s="198">
        <v>16101</v>
      </c>
      <c r="G66" s="198">
        <v>12805</v>
      </c>
      <c r="H66" s="198">
        <v>31392</v>
      </c>
      <c r="I66" s="198">
        <v>15297</v>
      </c>
      <c r="J66" s="198">
        <v>16095</v>
      </c>
      <c r="K66" s="213">
        <v>12829</v>
      </c>
    </row>
    <row r="67" spans="1:11" ht="9.75" customHeight="1">
      <c r="A67" s="37"/>
      <c r="B67" s="108" t="s">
        <v>147</v>
      </c>
      <c r="C67" s="39"/>
      <c r="D67" s="198">
        <v>27305</v>
      </c>
      <c r="E67" s="198">
        <v>13127</v>
      </c>
      <c r="F67" s="198">
        <v>14178</v>
      </c>
      <c r="G67" s="198">
        <v>11615</v>
      </c>
      <c r="H67" s="198">
        <v>27228</v>
      </c>
      <c r="I67" s="198">
        <v>13081</v>
      </c>
      <c r="J67" s="198">
        <v>14147</v>
      </c>
      <c r="K67" s="213">
        <v>11632</v>
      </c>
    </row>
    <row r="68" spans="1:11" ht="3.75" customHeight="1">
      <c r="A68" s="37"/>
      <c r="B68" s="108"/>
      <c r="C68" s="39"/>
      <c r="D68" s="198"/>
      <c r="E68" s="198"/>
      <c r="F68" s="198"/>
      <c r="G68" s="198"/>
      <c r="H68" s="198"/>
      <c r="I68" s="198"/>
      <c r="J68" s="198"/>
      <c r="K68" s="213"/>
    </row>
    <row r="69" spans="1:11" ht="9.75" customHeight="1">
      <c r="A69" s="201" t="s">
        <v>148</v>
      </c>
      <c r="B69" s="202"/>
      <c r="C69" s="46"/>
      <c r="D69" s="203">
        <v>64927</v>
      </c>
      <c r="E69" s="203">
        <v>31952</v>
      </c>
      <c r="F69" s="203">
        <v>32975</v>
      </c>
      <c r="G69" s="203">
        <v>25840</v>
      </c>
      <c r="H69" s="203">
        <v>64802</v>
      </c>
      <c r="I69" s="203">
        <v>31889</v>
      </c>
      <c r="J69" s="203">
        <v>32913</v>
      </c>
      <c r="K69" s="214">
        <v>25886</v>
      </c>
    </row>
    <row r="70" spans="1:11" ht="9.75" customHeight="1">
      <c r="A70" s="37"/>
      <c r="B70" s="108" t="s">
        <v>149</v>
      </c>
      <c r="C70" s="39"/>
      <c r="D70" s="198">
        <v>9095</v>
      </c>
      <c r="E70" s="198">
        <v>4543</v>
      </c>
      <c r="F70" s="198">
        <v>4552</v>
      </c>
      <c r="G70" s="198">
        <v>3415</v>
      </c>
      <c r="H70" s="198">
        <v>9064</v>
      </c>
      <c r="I70" s="198">
        <v>4526</v>
      </c>
      <c r="J70" s="198">
        <v>4538</v>
      </c>
      <c r="K70" s="213">
        <v>3413</v>
      </c>
    </row>
    <row r="71" spans="1:11" ht="9.75" customHeight="1">
      <c r="A71" s="37"/>
      <c r="B71" s="108" t="s">
        <v>150</v>
      </c>
      <c r="C71" s="39"/>
      <c r="D71" s="198">
        <v>17176</v>
      </c>
      <c r="E71" s="198">
        <v>8423</v>
      </c>
      <c r="F71" s="198">
        <v>8753</v>
      </c>
      <c r="G71" s="198">
        <v>6856</v>
      </c>
      <c r="H71" s="198">
        <v>17155</v>
      </c>
      <c r="I71" s="198">
        <v>8417</v>
      </c>
      <c r="J71" s="198">
        <v>8738</v>
      </c>
      <c r="K71" s="213">
        <v>6872</v>
      </c>
    </row>
    <row r="72" spans="1:11" ht="9.75" customHeight="1">
      <c r="A72" s="37"/>
      <c r="B72" s="108" t="s">
        <v>151</v>
      </c>
      <c r="C72" s="39"/>
      <c r="D72" s="198">
        <v>10552</v>
      </c>
      <c r="E72" s="198">
        <v>5242</v>
      </c>
      <c r="F72" s="198">
        <v>5310</v>
      </c>
      <c r="G72" s="198">
        <v>4521</v>
      </c>
      <c r="H72" s="198">
        <v>10543</v>
      </c>
      <c r="I72" s="198">
        <v>5229</v>
      </c>
      <c r="J72" s="198">
        <v>5314</v>
      </c>
      <c r="K72" s="213">
        <v>4539</v>
      </c>
    </row>
    <row r="73" spans="1:11" ht="9.75" customHeight="1">
      <c r="A73" s="37"/>
      <c r="B73" s="108" t="s">
        <v>152</v>
      </c>
      <c r="C73" s="39"/>
      <c r="D73" s="198">
        <v>9532</v>
      </c>
      <c r="E73" s="198">
        <v>4722</v>
      </c>
      <c r="F73" s="198">
        <v>4810</v>
      </c>
      <c r="G73" s="198">
        <v>3925</v>
      </c>
      <c r="H73" s="198">
        <v>9502</v>
      </c>
      <c r="I73" s="198">
        <v>4710</v>
      </c>
      <c r="J73" s="198">
        <v>4792</v>
      </c>
      <c r="K73" s="213">
        <v>3933</v>
      </c>
    </row>
    <row r="74" spans="1:11" ht="9.75" customHeight="1">
      <c r="A74" s="37"/>
      <c r="B74" s="108" t="s">
        <v>153</v>
      </c>
      <c r="C74" s="39"/>
      <c r="D74" s="198">
        <v>18572</v>
      </c>
      <c r="E74" s="198">
        <v>9022</v>
      </c>
      <c r="F74" s="198">
        <v>9550</v>
      </c>
      <c r="G74" s="198">
        <v>7123</v>
      </c>
      <c r="H74" s="198">
        <v>18538</v>
      </c>
      <c r="I74" s="198">
        <v>9007</v>
      </c>
      <c r="J74" s="198">
        <v>9531</v>
      </c>
      <c r="K74" s="213">
        <v>7129</v>
      </c>
    </row>
    <row r="75" spans="1:11" ht="3.75" customHeight="1">
      <c r="A75" s="37"/>
      <c r="B75" s="108"/>
      <c r="C75" s="39"/>
      <c r="D75" s="198"/>
      <c r="E75" s="198"/>
      <c r="F75" s="198"/>
      <c r="G75" s="198"/>
      <c r="H75" s="198"/>
      <c r="I75" s="198"/>
      <c r="J75" s="198"/>
      <c r="K75" s="213"/>
    </row>
    <row r="76" spans="1:11" ht="9.75" customHeight="1">
      <c r="A76" s="201" t="s">
        <v>154</v>
      </c>
      <c r="B76" s="202"/>
      <c r="C76" s="46"/>
      <c r="D76" s="203">
        <v>40480</v>
      </c>
      <c r="E76" s="203">
        <v>19018</v>
      </c>
      <c r="F76" s="203">
        <v>21462</v>
      </c>
      <c r="G76" s="203">
        <v>19834</v>
      </c>
      <c r="H76" s="203">
        <v>40450</v>
      </c>
      <c r="I76" s="203">
        <v>18978</v>
      </c>
      <c r="J76" s="203">
        <v>21472</v>
      </c>
      <c r="K76" s="214">
        <v>19962</v>
      </c>
    </row>
    <row r="77" spans="1:11" ht="9.75" customHeight="1">
      <c r="A77" s="37"/>
      <c r="B77" s="108" t="s">
        <v>155</v>
      </c>
      <c r="C77" s="39"/>
      <c r="D77" s="198">
        <v>10992</v>
      </c>
      <c r="E77" s="198">
        <v>5315</v>
      </c>
      <c r="F77" s="198">
        <v>5677</v>
      </c>
      <c r="G77" s="198">
        <v>6237</v>
      </c>
      <c r="H77" s="198">
        <v>11008</v>
      </c>
      <c r="I77" s="198">
        <v>5306</v>
      </c>
      <c r="J77" s="198">
        <v>5702</v>
      </c>
      <c r="K77" s="213">
        <v>6305</v>
      </c>
    </row>
    <row r="78" spans="1:11" ht="9.75" customHeight="1">
      <c r="A78" s="37"/>
      <c r="B78" s="108" t="s">
        <v>156</v>
      </c>
      <c r="C78" s="39"/>
      <c r="D78" s="198">
        <v>6535</v>
      </c>
      <c r="E78" s="198">
        <v>3027</v>
      </c>
      <c r="F78" s="198">
        <v>3508</v>
      </c>
      <c r="G78" s="198">
        <v>2937</v>
      </c>
      <c r="H78" s="198">
        <v>6522</v>
      </c>
      <c r="I78" s="198">
        <v>3019</v>
      </c>
      <c r="J78" s="198">
        <v>3503</v>
      </c>
      <c r="K78" s="213">
        <v>2937</v>
      </c>
    </row>
    <row r="79" spans="1:11" ht="9.75" customHeight="1">
      <c r="A79" s="37"/>
      <c r="B79" s="108" t="s">
        <v>157</v>
      </c>
      <c r="C79" s="39"/>
      <c r="D79" s="198">
        <v>22953</v>
      </c>
      <c r="E79" s="198">
        <v>10676</v>
      </c>
      <c r="F79" s="198">
        <v>12277</v>
      </c>
      <c r="G79" s="198">
        <v>10660</v>
      </c>
      <c r="H79" s="198">
        <v>22920</v>
      </c>
      <c r="I79" s="198">
        <v>10653</v>
      </c>
      <c r="J79" s="198">
        <v>12267</v>
      </c>
      <c r="K79" s="213">
        <v>10720</v>
      </c>
    </row>
    <row r="80" spans="1:11" ht="3.75" customHeight="1">
      <c r="A80" s="37"/>
      <c r="B80" s="108"/>
      <c r="C80" s="39"/>
      <c r="D80" s="198"/>
      <c r="E80" s="198"/>
      <c r="F80" s="198"/>
      <c r="G80" s="198"/>
      <c r="H80" s="198"/>
      <c r="I80" s="198"/>
      <c r="J80" s="198"/>
      <c r="K80" s="213"/>
    </row>
    <row r="81" spans="1:11" ht="9.75" customHeight="1">
      <c r="A81" s="201" t="s">
        <v>158</v>
      </c>
      <c r="B81" s="202"/>
      <c r="C81" s="46"/>
      <c r="D81" s="203">
        <v>42453</v>
      </c>
      <c r="E81" s="203">
        <v>22197</v>
      </c>
      <c r="F81" s="203">
        <v>20256</v>
      </c>
      <c r="G81" s="203">
        <v>18352</v>
      </c>
      <c r="H81" s="203">
        <v>42430</v>
      </c>
      <c r="I81" s="203">
        <v>22189</v>
      </c>
      <c r="J81" s="203">
        <v>20241</v>
      </c>
      <c r="K81" s="214">
        <v>18424</v>
      </c>
    </row>
    <row r="82" spans="1:11" ht="9.75" customHeight="1">
      <c r="A82" s="37"/>
      <c r="B82" s="108" t="s">
        <v>159</v>
      </c>
      <c r="C82" s="39"/>
      <c r="D82" s="198">
        <v>39451</v>
      </c>
      <c r="E82" s="198">
        <v>20667</v>
      </c>
      <c r="F82" s="198">
        <v>18784</v>
      </c>
      <c r="G82" s="198">
        <v>17220</v>
      </c>
      <c r="H82" s="198">
        <v>39443</v>
      </c>
      <c r="I82" s="198">
        <v>20669</v>
      </c>
      <c r="J82" s="198">
        <v>18774</v>
      </c>
      <c r="K82" s="213">
        <v>17294</v>
      </c>
    </row>
    <row r="83" spans="1:11" ht="9.75" customHeight="1">
      <c r="A83" s="37"/>
      <c r="B83" s="108" t="s">
        <v>160</v>
      </c>
      <c r="C83" s="39"/>
      <c r="D83" s="198">
        <v>3002</v>
      </c>
      <c r="E83" s="198">
        <v>1530</v>
      </c>
      <c r="F83" s="198">
        <v>1472</v>
      </c>
      <c r="G83" s="198">
        <v>1132</v>
      </c>
      <c r="H83" s="198">
        <v>2987</v>
      </c>
      <c r="I83" s="198">
        <v>1520</v>
      </c>
      <c r="J83" s="198">
        <v>1467</v>
      </c>
      <c r="K83" s="213">
        <v>1130</v>
      </c>
    </row>
    <row r="84" spans="1:11" ht="3.75" customHeight="1" thickBot="1">
      <c r="A84" s="51"/>
      <c r="B84" s="52"/>
      <c r="C84" s="52"/>
      <c r="D84" s="114"/>
      <c r="E84" s="114"/>
      <c r="F84" s="114"/>
      <c r="G84" s="114"/>
      <c r="H84" s="114"/>
      <c r="I84" s="114"/>
      <c r="J84" s="114"/>
      <c r="K84" s="215"/>
    </row>
    <row r="85" spans="1:11" ht="9.75" customHeight="1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0:B50"/>
    <mergeCell ref="A51:B51"/>
    <mergeCell ref="A52:B52"/>
    <mergeCell ref="A53:B53"/>
    <mergeCell ref="A54:B54"/>
    <mergeCell ref="A55:B55"/>
    <mergeCell ref="A44:B44"/>
    <mergeCell ref="A45:B45"/>
    <mergeCell ref="A46:B46"/>
    <mergeCell ref="A47:B47"/>
    <mergeCell ref="A48:B48"/>
    <mergeCell ref="A49:B49"/>
    <mergeCell ref="A6:B6"/>
    <mergeCell ref="A7:B7"/>
    <mergeCell ref="A8:B8"/>
    <mergeCell ref="A10:B10"/>
    <mergeCell ref="A30:B30"/>
    <mergeCell ref="A39:B39"/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8</vt:i4>
      </vt:variant>
    </vt:vector>
  </HeadingPairs>
  <TitlesOfParts>
    <vt:vector size="25" baseType="lpstr">
      <vt:lpstr>第1表</vt:lpstr>
      <vt:lpstr>第2表</vt:lpstr>
      <vt:lpstr>第3表</vt:lpstr>
      <vt:lpstr>第4表</vt:lpstr>
      <vt:lpstr>第5表</vt:lpstr>
      <vt:lpstr>第6表</vt:lpstr>
      <vt:lpstr>第7表</vt:lpstr>
      <vt:lpstr>第8-1表</vt:lpstr>
      <vt:lpstr>第8-2表</vt:lpstr>
      <vt:lpstr>第8-3表</vt:lpstr>
      <vt:lpstr>第8-4表</vt:lpstr>
      <vt:lpstr>第8-5表</vt:lpstr>
      <vt:lpstr>第8-6表</vt:lpstr>
      <vt:lpstr>第9表</vt:lpstr>
      <vt:lpstr>第10表</vt:lpstr>
      <vt:lpstr>参考1</vt:lpstr>
      <vt:lpstr>参考2</vt:lpstr>
      <vt:lpstr>参考1!Print_Area</vt:lpstr>
      <vt:lpstr>第10表!Print_Area</vt:lpstr>
      <vt:lpstr>第1表!Print_Area</vt:lpstr>
      <vt:lpstr>第2表!Print_Area</vt:lpstr>
      <vt:lpstr>第3表!Print_Area</vt:lpstr>
      <vt:lpstr>第4表!Print_Area</vt:lpstr>
      <vt:lpstr>第5表!Print_Area</vt:lpstr>
      <vt:lpstr>第7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2-15T01:49:15Z</cp:lastPrinted>
  <dcterms:created xsi:type="dcterms:W3CDTF">2023-01-24T06:43:38Z</dcterms:created>
  <dcterms:modified xsi:type="dcterms:W3CDTF">2023-06-08T04:07:26Z</dcterms:modified>
</cp:coreProperties>
</file>